
<file path=[Content_Types].xml><?xml version="1.0" encoding="utf-8"?>
<Types xmlns="http://schemas.openxmlformats.org/package/2006/content-types">
  <Default Extension="png" ContentType="image/pn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136" r:id="rId1"/>
    <p:sldMasterId id="2147483674" r:id="rId2"/>
  </p:sldMasterIdLst>
  <p:notesMasterIdLst>
    <p:notesMasterId r:id="rId12"/>
  </p:notesMasterIdLst>
  <p:handoutMasterIdLst>
    <p:handoutMasterId r:id="rId13"/>
  </p:handoutMasterIdLst>
  <p:sldIdLst>
    <p:sldId id="449" r:id="rId3"/>
    <p:sldId id="436" r:id="rId4"/>
    <p:sldId id="450" r:id="rId5"/>
    <p:sldId id="460" r:id="rId6"/>
    <p:sldId id="453" r:id="rId7"/>
    <p:sldId id="456" r:id="rId8"/>
    <p:sldId id="459" r:id="rId9"/>
    <p:sldId id="461" r:id="rId10"/>
    <p:sldId id="446" r:id="rId11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. nantirat" initials="Sn" lastIdx="1" clrIdx="0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88139"/>
    <a:srgbClr val="9F958A"/>
    <a:srgbClr val="32C7B8"/>
    <a:srgbClr val="73BCB1"/>
    <a:srgbClr val="4C9E92"/>
    <a:srgbClr val="AAD6D0"/>
    <a:srgbClr val="97CDC5"/>
    <a:srgbClr val="8EC8C0"/>
    <a:srgbClr val="0F7B66"/>
    <a:srgbClr val="968B7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4C1A8A3-306A-4EB7-A6B1-4F7E0EB9C5D6}" styleName="보통 스타일 3 - 강조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EB9631B5-78F2-41C9-869B-9F39066F8104}" styleName="보통 스타일 3 - 강조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EB344D84-9AFB-497E-A393-DC336BA19D2E}" styleName="보통 스타일 3 - 강조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85BE263C-DBD7-4A20-BB59-AAB30ACAA65A}" styleName="보통 스타일 3 - 강조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6E25E649-3F16-4E02-A733-19D2CDBF48F0}" styleName="보통 스타일 3 - 강조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434" autoAdjust="0"/>
  </p:normalViewPr>
  <p:slideViewPr>
    <p:cSldViewPr>
      <p:cViewPr varScale="1">
        <p:scale>
          <a:sx n="86" d="100"/>
          <a:sy n="86" d="100"/>
        </p:scale>
        <p:origin x="-42" y="-1098"/>
      </p:cViewPr>
      <p:guideLst>
        <p:guide orient="horz" pos="162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-21540"/>
    </p:cViewPr>
  </p:sorterViewPr>
  <p:notesViewPr>
    <p:cSldViewPr>
      <p:cViewPr varScale="1">
        <p:scale>
          <a:sx n="88" d="100"/>
          <a:sy n="88" d="100"/>
        </p:scale>
        <p:origin x="2964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presProps" Target="presProp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F95FC8B-0D2B-4843-9913-AF1589AFDED5}" type="datetimeFigureOut">
              <a:rPr lang="en-US" smtClean="0"/>
              <a:t>12/17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037154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AEF9A68-C0F6-48A3-804F-223802A96E56}" type="datetimeFigureOut">
              <a:rPr lang="en-US" smtClean="0"/>
              <a:pPr/>
              <a:t>12/17/2018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FFE86B9-5B45-4031-A575-A5A4AFEC807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486393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emf"/><Relationship Id="rId1" Type="http://schemas.openxmlformats.org/officeDocument/2006/relationships/slideMaster" Target="../slideMasters/slideMaster2.xml"/></Relationships>
</file>

<file path=ppt/slideLayouts/_rels/slideLayout1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emf"/><Relationship Id="rId1" Type="http://schemas.openxmlformats.org/officeDocument/2006/relationships/slideMaster" Target="../slideMasters/slideMaster2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em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emf"/><Relationship Id="rId1" Type="http://schemas.openxmlformats.org/officeDocument/2006/relationships/slideMaster" Target="../slideMasters/slideMaster2.xml"/></Relationships>
</file>

<file path=ppt/slideLayouts/_rels/slideLayout1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emf"/><Relationship Id="rId1" Type="http://schemas.openxmlformats.org/officeDocument/2006/relationships/slideMaster" Target="../slideMasters/slideMaster2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1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emf"/><Relationship Id="rId1" Type="http://schemas.openxmlformats.org/officeDocument/2006/relationships/slideMaster" Target="../slideMasters/slideMaster2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emf"/><Relationship Id="rId2" Type="http://schemas.openxmlformats.org/officeDocument/2006/relationships/image" Target="../media/image40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9.emf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2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2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emf"/><Relationship Id="rId13" Type="http://schemas.openxmlformats.org/officeDocument/2006/relationships/image" Target="../media/image23.emf"/><Relationship Id="rId18" Type="http://schemas.openxmlformats.org/officeDocument/2006/relationships/image" Target="../media/image28.emf"/><Relationship Id="rId3" Type="http://schemas.openxmlformats.org/officeDocument/2006/relationships/image" Target="../media/image13.emf"/><Relationship Id="rId21" Type="http://schemas.openxmlformats.org/officeDocument/2006/relationships/image" Target="../media/image31.emf"/><Relationship Id="rId7" Type="http://schemas.openxmlformats.org/officeDocument/2006/relationships/image" Target="../media/image17.emf"/><Relationship Id="rId12" Type="http://schemas.openxmlformats.org/officeDocument/2006/relationships/image" Target="../media/image22.emf"/><Relationship Id="rId17" Type="http://schemas.openxmlformats.org/officeDocument/2006/relationships/image" Target="../media/image27.emf"/><Relationship Id="rId2" Type="http://schemas.openxmlformats.org/officeDocument/2006/relationships/image" Target="../media/image12.emf"/><Relationship Id="rId16" Type="http://schemas.openxmlformats.org/officeDocument/2006/relationships/image" Target="../media/image26.emf"/><Relationship Id="rId20" Type="http://schemas.openxmlformats.org/officeDocument/2006/relationships/image" Target="../media/image30.emf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6.emf"/><Relationship Id="rId11" Type="http://schemas.openxmlformats.org/officeDocument/2006/relationships/image" Target="../media/image21.emf"/><Relationship Id="rId5" Type="http://schemas.openxmlformats.org/officeDocument/2006/relationships/image" Target="../media/image15.emf"/><Relationship Id="rId15" Type="http://schemas.openxmlformats.org/officeDocument/2006/relationships/image" Target="../media/image25.emf"/><Relationship Id="rId23" Type="http://schemas.openxmlformats.org/officeDocument/2006/relationships/image" Target="../media/image33.emf"/><Relationship Id="rId10" Type="http://schemas.openxmlformats.org/officeDocument/2006/relationships/image" Target="../media/image20.emf"/><Relationship Id="rId19" Type="http://schemas.openxmlformats.org/officeDocument/2006/relationships/image" Target="../media/image29.emf"/><Relationship Id="rId4" Type="http://schemas.openxmlformats.org/officeDocument/2006/relationships/image" Target="../media/image14.emf"/><Relationship Id="rId9" Type="http://schemas.openxmlformats.org/officeDocument/2006/relationships/image" Target="../media/image19.emf"/><Relationship Id="rId14" Type="http://schemas.openxmlformats.org/officeDocument/2006/relationships/image" Target="../media/image24.emf"/><Relationship Id="rId22" Type="http://schemas.openxmlformats.org/officeDocument/2006/relationships/image" Target="../media/image32.emf"/></Relationships>
</file>

<file path=ppt/slideLayouts/_rels/slideLayout9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Master" Target="../slideMasters/slideMaster2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585258" y="2697480"/>
            <a:ext cx="3299110" cy="26132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10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2264326" y="2189377"/>
            <a:ext cx="1877128" cy="670405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4550166" y="2057400"/>
            <a:ext cx="3318169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TeXGyreHeros" panose="00000500000000000000" pitchFamily="50" charset="0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b="1" spc="0" dirty="0" smtClean="0">
                <a:latin typeface="TeXGyreHeros" panose="00000500000000000000" pitchFamily="50" charset="0"/>
                <a:ea typeface="Roboto Bk" pitchFamily="2" charset="0"/>
              </a:rPr>
              <a:t>TELELISTA</a:t>
            </a:r>
            <a:endParaRPr lang="en-US" sz="3200" b="1" spc="0" dirty="0" smtClean="0">
              <a:latin typeface="TeXGyreHeros" panose="00000500000000000000" pitchFamily="50" charset="0"/>
              <a:ea typeface="Roboto Bk" pitchFamily="2" charset="0"/>
            </a:endParaRP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3" hasCustomPrompt="1"/>
          </p:nvPr>
        </p:nvSpPr>
        <p:spPr>
          <a:xfrm>
            <a:off x="4566198" y="2410403"/>
            <a:ext cx="3318169" cy="377371"/>
          </a:xfrm>
          <a:prstGeom prst="rect">
            <a:avLst/>
          </a:prstGeom>
        </p:spPr>
        <p:txBody>
          <a:bodyPr tIns="18288" bIns="18288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200" b="0" spc="0" baseline="0">
                <a:solidFill>
                  <a:srgbClr val="73BCB1"/>
                </a:solidFill>
                <a:latin typeface="TeXGyreHeros" panose="00000500000000000000" pitchFamily="50" charset="0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GROUP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4357478" y="2139701"/>
            <a:ext cx="1" cy="704088"/>
          </a:xfrm>
          <a:prstGeom prst="line">
            <a:avLst/>
          </a:prstGeom>
          <a:ln w="19304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749296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6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6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6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600"/>
                            </p:stCondLst>
                            <p:childTnLst>
                              <p:par>
                                <p:cTn id="11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600"/>
                            </p:stCondLst>
                            <p:childTnLst>
                              <p:par>
                                <p:cTn id="15" presetID="22" presetClass="entr" presetSubtype="8" fill="hold" grpId="0" nodeType="after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75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550"/>
                            </p:stCondLst>
                            <p:childTnLst>
                              <p:par>
                                <p:cTn id="19" presetID="22" presetClass="entr" presetSubtype="8" fill="hold" grpId="0" nodeType="after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8" fill="hold" grpId="0" nodeType="afterEffect" nodePh="1">
                                  <p:stCondLst>
                                    <p:cond delay="20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75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2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/>
      <p:bldP spid="11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2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2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0" y="2924764"/>
            <a:ext cx="9144000" cy="17865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4"/>
          </p:nvPr>
        </p:nvSpPr>
        <p:spPr>
          <a:xfrm>
            <a:off x="467544" y="1457849"/>
            <a:ext cx="4023360" cy="1401933"/>
          </a:xfrm>
          <a:prstGeom prst="rect">
            <a:avLst/>
          </a:prstGeom>
        </p:spPr>
        <p:txBody>
          <a:bodyPr/>
          <a:lstStyle>
            <a:lvl1pPr marL="0" indent="0" algn="thaiDist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612768" y="1457849"/>
            <a:ext cx="4023360" cy="1401933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4270248" y="530352"/>
            <a:ext cx="0" cy="55778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539552" y="832104"/>
            <a:ext cx="3599032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5600" y="411510"/>
            <a:ext cx="362428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HO WE A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88651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1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6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4" grpId="0">
        <p:tmplLst>
          <p:tmpl>
            <p:tnLst>
              <p:par>
                <p:cTn presetID="22" presetClass="entr" presetSubtype="1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22" presetClass="entr" presetSubtype="1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93776"/>
            <a:ext cx="427169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ST REDUCTION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27"/>
          <p:cNvSpPr>
            <a:spLocks noGrp="1"/>
          </p:cNvSpPr>
          <p:nvPr>
            <p:ph type="body" sz="quarter" idx="154" hasCustomPrompt="1"/>
          </p:nvPr>
        </p:nvSpPr>
        <p:spPr>
          <a:xfrm>
            <a:off x="2483768" y="2499742"/>
            <a:ext cx="1161824" cy="936104"/>
          </a:xfrm>
          <a:prstGeom prst="rect">
            <a:avLst/>
          </a:prstGeom>
        </p:spPr>
        <p:txBody>
          <a:bodyPr tIns="0" bIns="0" anchor="ctr"/>
          <a:lstStyle>
            <a:lvl1pPr marL="0" indent="0" algn="ctr">
              <a:lnSpc>
                <a:spcPct val="60000"/>
              </a:lnSpc>
              <a:buNone/>
              <a:defRPr sz="18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REDUCE </a:t>
            </a:r>
          </a:p>
          <a:p>
            <a:pPr lvl="0"/>
            <a:r>
              <a:rPr lang="en-US" dirty="0" smtClean="0"/>
              <a:t>COST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95" hasCustomPrompt="1"/>
          </p:nvPr>
        </p:nvSpPr>
        <p:spPr>
          <a:xfrm>
            <a:off x="4139952" y="2652957"/>
            <a:ext cx="1368152" cy="364171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l">
              <a:buNone/>
              <a:defRPr sz="105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crease Customer Retention 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155" hasCustomPrompt="1"/>
          </p:nvPr>
        </p:nvSpPr>
        <p:spPr>
          <a:xfrm>
            <a:off x="2331671" y="1419622"/>
            <a:ext cx="1512168" cy="360040"/>
          </a:xfrm>
          <a:prstGeom prst="rect">
            <a:avLst/>
          </a:prstGeom>
        </p:spPr>
        <p:txBody>
          <a:bodyPr lIns="73152" tIns="18288" rIns="73152" bIns="0" anchor="b"/>
          <a:lstStyle>
            <a:lvl1pPr marL="0" indent="0" algn="ctr">
              <a:buNone/>
              <a:defRPr sz="105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Understand Customer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156" hasCustomPrompt="1"/>
          </p:nvPr>
        </p:nvSpPr>
        <p:spPr>
          <a:xfrm>
            <a:off x="2315659" y="3968496"/>
            <a:ext cx="1512168" cy="368039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Recognize and eliminate issues</a:t>
            </a:r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157" hasCustomPrompt="1"/>
          </p:nvPr>
        </p:nvSpPr>
        <p:spPr>
          <a:xfrm>
            <a:off x="539552" y="2665775"/>
            <a:ext cx="1440160" cy="364171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r">
              <a:buNone/>
              <a:defRPr sz="105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mprove Experience across Channels</a:t>
            </a:r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51" hasCustomPrompt="1"/>
          </p:nvPr>
        </p:nvSpPr>
        <p:spPr>
          <a:xfrm rot="-3600000">
            <a:off x="6138652" y="2303893"/>
            <a:ext cx="994020" cy="200835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12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me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52" hasCustomPrompt="1"/>
          </p:nvPr>
        </p:nvSpPr>
        <p:spPr>
          <a:xfrm rot="3600000">
            <a:off x="6907877" y="2337195"/>
            <a:ext cx="994015" cy="200834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12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st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153" hasCustomPrompt="1"/>
          </p:nvPr>
        </p:nvSpPr>
        <p:spPr>
          <a:xfrm>
            <a:off x="6516699" y="2946980"/>
            <a:ext cx="994017" cy="200834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12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Quality</a:t>
            </a:r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5652120" y="1646911"/>
            <a:ext cx="0" cy="2664296"/>
          </a:xfrm>
          <a:prstGeom prst="line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 Placeholder 30"/>
          <p:cNvSpPr>
            <a:spLocks noGrp="1"/>
          </p:cNvSpPr>
          <p:nvPr>
            <p:ph type="body" sz="quarter" idx="165"/>
          </p:nvPr>
        </p:nvSpPr>
        <p:spPr>
          <a:xfrm>
            <a:off x="5868144" y="3262517"/>
            <a:ext cx="2298392" cy="821401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28756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 userDrawn="1"/>
        </p:nvGrpSpPr>
        <p:grpSpPr>
          <a:xfrm>
            <a:off x="3347864" y="2036466"/>
            <a:ext cx="2160240" cy="2160240"/>
            <a:chOff x="3275856" y="2137499"/>
            <a:chExt cx="2160240" cy="2160240"/>
          </a:xfrm>
        </p:grpSpPr>
        <p:sp>
          <p:nvSpPr>
            <p:cNvPr id="3" name="Oval 2"/>
            <p:cNvSpPr/>
            <p:nvPr userDrawn="1"/>
          </p:nvSpPr>
          <p:spPr>
            <a:xfrm>
              <a:off x="3275856" y="2137499"/>
              <a:ext cx="2160240" cy="2160240"/>
            </a:xfrm>
            <a:prstGeom prst="ellipse">
              <a:avLst/>
            </a:prstGeom>
            <a:solidFill>
              <a:srgbClr val="73BCB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" name="Oval 1"/>
            <p:cNvSpPr/>
            <p:nvPr userDrawn="1"/>
          </p:nvSpPr>
          <p:spPr>
            <a:xfrm>
              <a:off x="3635896" y="2499742"/>
              <a:ext cx="1440160" cy="1440160"/>
            </a:xfrm>
            <a:prstGeom prst="ellipse">
              <a:avLst/>
            </a:prstGeom>
            <a:solidFill>
              <a:srgbClr val="F2F1F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rgbClr val="7777AD"/>
                </a:solidFill>
              </a:endParaRPr>
            </a:p>
          </p:txBody>
        </p:sp>
      </p:grpSp>
      <p:sp>
        <p:nvSpPr>
          <p:cNvPr id="4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138791" y="915566"/>
            <a:ext cx="597195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WITH CIRCLE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123728" y="493776"/>
            <a:ext cx="5999891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TEP TO BECOME SUCCESS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val 9"/>
          <p:cNvSpPr/>
          <p:nvPr userDrawn="1"/>
        </p:nvSpPr>
        <p:spPr>
          <a:xfrm>
            <a:off x="3154688" y="3037943"/>
            <a:ext cx="767704" cy="767704"/>
          </a:xfrm>
          <a:prstGeom prst="ellipse">
            <a:avLst/>
          </a:prstGeom>
          <a:solidFill>
            <a:schemeClr val="bg1"/>
          </a:solidFill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n>
                <a:solidFill>
                  <a:srgbClr val="968B7F"/>
                </a:solidFill>
              </a:ln>
            </a:endParaRPr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3202215" y="3146168"/>
            <a:ext cx="628121" cy="5653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Oval 12"/>
          <p:cNvSpPr/>
          <p:nvPr userDrawn="1"/>
        </p:nvSpPr>
        <p:spPr>
          <a:xfrm>
            <a:off x="4067944" y="1732038"/>
            <a:ext cx="767704" cy="767704"/>
          </a:xfrm>
          <a:prstGeom prst="ellipse">
            <a:avLst/>
          </a:prstGeom>
          <a:solidFill>
            <a:srgbClr val="F3F1F2"/>
          </a:solidFill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4141096" y="1826190"/>
            <a:ext cx="628121" cy="5653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Oval 16"/>
          <p:cNvSpPr/>
          <p:nvPr userDrawn="1"/>
        </p:nvSpPr>
        <p:spPr>
          <a:xfrm>
            <a:off x="4910456" y="3072005"/>
            <a:ext cx="767704" cy="767704"/>
          </a:xfrm>
          <a:prstGeom prst="ellipse">
            <a:avLst/>
          </a:prstGeom>
          <a:solidFill>
            <a:srgbClr val="F3F1F2"/>
          </a:solidFill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6156176" y="1770530"/>
            <a:ext cx="186718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2" name="Text Placeholder 30"/>
          <p:cNvSpPr>
            <a:spLocks noGrp="1"/>
          </p:cNvSpPr>
          <p:nvPr>
            <p:ph type="body" sz="quarter" idx="200"/>
          </p:nvPr>
        </p:nvSpPr>
        <p:spPr>
          <a:xfrm>
            <a:off x="6156176" y="1916834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249"/>
          </p:nvPr>
        </p:nvSpPr>
        <p:spPr>
          <a:xfrm>
            <a:off x="6588224" y="2785486"/>
            <a:ext cx="186718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250"/>
          </p:nvPr>
        </p:nvSpPr>
        <p:spPr>
          <a:xfrm>
            <a:off x="6588224" y="2931790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7" name="Rectangle 26"/>
          <p:cNvSpPr/>
          <p:nvPr userDrawn="1"/>
        </p:nvSpPr>
        <p:spPr>
          <a:xfrm>
            <a:off x="6104712" y="1817412"/>
            <a:ext cx="54864" cy="502920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Rectangle 27"/>
          <p:cNvSpPr/>
          <p:nvPr userDrawn="1"/>
        </p:nvSpPr>
        <p:spPr>
          <a:xfrm>
            <a:off x="5969268" y="3986784"/>
            <a:ext cx="54864" cy="502920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253"/>
          </p:nvPr>
        </p:nvSpPr>
        <p:spPr>
          <a:xfrm>
            <a:off x="683568" y="2778642"/>
            <a:ext cx="186718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254"/>
          </p:nvPr>
        </p:nvSpPr>
        <p:spPr>
          <a:xfrm>
            <a:off x="683568" y="2924946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Rectangle 31"/>
          <p:cNvSpPr/>
          <p:nvPr userDrawn="1"/>
        </p:nvSpPr>
        <p:spPr>
          <a:xfrm>
            <a:off x="2555776" y="2818636"/>
            <a:ext cx="54864" cy="502920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255" hasCustomPrompt="1"/>
          </p:nvPr>
        </p:nvSpPr>
        <p:spPr>
          <a:xfrm>
            <a:off x="3802760" y="2895996"/>
            <a:ext cx="1291123" cy="382894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ctr">
              <a:lnSpc>
                <a:spcPts val="900"/>
              </a:lnSpc>
              <a:buNone/>
              <a:defRPr sz="1400" b="1" spc="7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RANDING</a:t>
            </a:r>
          </a:p>
        </p:txBody>
      </p:sp>
      <p:cxnSp>
        <p:nvCxnSpPr>
          <p:cNvPr id="34" name="Straight Connector 33"/>
          <p:cNvCxnSpPr/>
          <p:nvPr userDrawn="1"/>
        </p:nvCxnSpPr>
        <p:spPr>
          <a:xfrm>
            <a:off x="4860032" y="2058562"/>
            <a:ext cx="1224136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/>
          <p:nvPr userDrawn="1"/>
        </p:nvCxnSpPr>
        <p:spPr>
          <a:xfrm>
            <a:off x="5300652" y="4227934"/>
            <a:ext cx="720080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/>
          <p:cNvCxnSpPr/>
          <p:nvPr userDrawn="1"/>
        </p:nvCxnSpPr>
        <p:spPr>
          <a:xfrm>
            <a:off x="2627784" y="3068962"/>
            <a:ext cx="432048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694042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4000"/>
                            </p:stCondLst>
                            <p:childTnLst>
                              <p:par>
                                <p:cTn id="22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750"/>
                            </p:stCondLst>
                            <p:childTnLst>
                              <p:par>
                                <p:cTn id="26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500"/>
                            </p:stCondLst>
                            <p:childTnLst>
                              <p:par>
                                <p:cTn id="3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9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600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2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6250"/>
                            </p:stCondLst>
                            <p:childTnLst>
                              <p:par>
                                <p:cTn id="45" presetID="22" presetClass="entr" presetSubtype="8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4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6750"/>
                            </p:stCondLst>
                            <p:childTnLst>
                              <p:par>
                                <p:cTn id="5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4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7250"/>
                            </p:stCondLst>
                            <p:childTnLst>
                              <p:par>
                                <p:cTn id="5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2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7500"/>
                            </p:stCondLst>
                            <p:childTnLst>
                              <p:par>
                                <p:cTn id="60" presetID="22" presetClass="entr" presetSubtype="8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6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2" dur="5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5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8000"/>
                            </p:stCondLst>
                            <p:childTnLst>
                              <p:par>
                                <p:cTn id="67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8500"/>
                            </p:stCondLst>
                            <p:childTnLst>
                              <p:par>
                                <p:cTn id="7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0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3" fill="hold">
                            <p:stCondLst>
                              <p:cond delay="9000"/>
                            </p:stCondLst>
                            <p:childTnLst>
                              <p:par>
                                <p:cTn id="84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86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7" fill="hold">
                            <p:stCondLst>
                              <p:cond delay="9500"/>
                            </p:stCondLst>
                            <p:childTnLst>
                              <p:par>
                                <p:cTn id="8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2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1" fill="hold">
                            <p:stCondLst>
                              <p:cond delay="9750"/>
                            </p:stCondLst>
                            <p:childTnLst>
                              <p:par>
                                <p:cTn id="92" presetID="22" presetClass="entr" presetSubtype="2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4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2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/>
      <p:bldP spid="11" grpId="0"/>
      <p:bldP spid="13" grpId="0" animBg="1"/>
      <p:bldP spid="14" grpId="0"/>
      <p:bldP spid="17" grpId="0" animBg="1"/>
      <p:bldP spid="21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>
        <p:tmplLst>
          <p:tmpl>
            <p:tnLst>
              <p:par>
                <p:cTn presetID="22" presetClass="entr" presetSubtype="8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animBg="1"/>
      <p:bldP spid="28" grpId="0" animBg="1"/>
      <p:bldP spid="30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>
        <p:tmplLst>
          <p:tmpl>
            <p:tnLst>
              <p:par>
                <p:cTn presetID="22" presetClass="entr" presetSubtype="2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/>
      <p:bldP spid="33" grpId="0" build="p">
        <p:tmplLst>
          <p:tmpl lvl="1">
            <p:tnLst>
              <p:par>
                <p:cTn presetID="53" presetClass="entr" presetSubtype="16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3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3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lock Arc 2"/>
          <p:cNvSpPr/>
          <p:nvPr userDrawn="1"/>
        </p:nvSpPr>
        <p:spPr>
          <a:xfrm>
            <a:off x="4634179" y="2561921"/>
            <a:ext cx="3898261" cy="3898261"/>
          </a:xfrm>
          <a:prstGeom prst="blockArc">
            <a:avLst>
              <a:gd name="adj1" fmla="val 10800000"/>
              <a:gd name="adj2" fmla="val 0"/>
              <a:gd name="adj3" fmla="val 35013"/>
            </a:avLst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4" name="Block Arc 3"/>
          <p:cNvSpPr/>
          <p:nvPr userDrawn="1"/>
        </p:nvSpPr>
        <p:spPr>
          <a:xfrm>
            <a:off x="921600" y="3285852"/>
            <a:ext cx="2450398" cy="2450398"/>
          </a:xfrm>
          <a:prstGeom prst="blockArc">
            <a:avLst>
              <a:gd name="adj1" fmla="val 10800000"/>
              <a:gd name="adj2" fmla="val 0"/>
              <a:gd name="adj3" fmla="val 35013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5" name="Block Arc 4"/>
          <p:cNvSpPr/>
          <p:nvPr userDrawn="1"/>
        </p:nvSpPr>
        <p:spPr>
          <a:xfrm>
            <a:off x="2520000" y="2897324"/>
            <a:ext cx="3227456" cy="3227456"/>
          </a:xfrm>
          <a:prstGeom prst="blockArc">
            <a:avLst>
              <a:gd name="adj1" fmla="val 10800000"/>
              <a:gd name="adj2" fmla="val 0"/>
              <a:gd name="adj3" fmla="val 35013"/>
            </a:avLst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cxnSp>
        <p:nvCxnSpPr>
          <p:cNvPr id="6" name="Straight Arrow Connector 5"/>
          <p:cNvCxnSpPr/>
          <p:nvPr userDrawn="1"/>
        </p:nvCxnSpPr>
        <p:spPr>
          <a:xfrm>
            <a:off x="6583309" y="2143088"/>
            <a:ext cx="0" cy="39600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30"/>
          <p:cNvSpPr>
            <a:spLocks noGrp="1"/>
          </p:cNvSpPr>
          <p:nvPr>
            <p:ph type="body" sz="quarter" idx="157"/>
          </p:nvPr>
        </p:nvSpPr>
        <p:spPr>
          <a:xfrm>
            <a:off x="5780435" y="1482577"/>
            <a:ext cx="1605748" cy="648072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  <a:prstDash val="dash"/>
          </a:ln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8" name="Straight Arrow Connector 7"/>
          <p:cNvCxnSpPr>
            <a:stCxn id="9" idx="2"/>
          </p:cNvCxnSpPr>
          <p:nvPr userDrawn="1"/>
        </p:nvCxnSpPr>
        <p:spPr>
          <a:xfrm>
            <a:off x="4133728" y="2143088"/>
            <a:ext cx="0" cy="732475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30"/>
          <p:cNvSpPr>
            <a:spLocks noGrp="1"/>
          </p:cNvSpPr>
          <p:nvPr>
            <p:ph type="body" sz="quarter" idx="158"/>
          </p:nvPr>
        </p:nvSpPr>
        <p:spPr>
          <a:xfrm>
            <a:off x="3330854" y="1495016"/>
            <a:ext cx="1605748" cy="648072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  <a:prstDash val="dash"/>
          </a:ln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0" name="Straight Arrow Connector 9"/>
          <p:cNvCxnSpPr>
            <a:stCxn id="11" idx="2"/>
          </p:cNvCxnSpPr>
          <p:nvPr userDrawn="1"/>
        </p:nvCxnSpPr>
        <p:spPr>
          <a:xfrm>
            <a:off x="2146799" y="2139702"/>
            <a:ext cx="0" cy="114615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 Placeholder 30"/>
          <p:cNvSpPr>
            <a:spLocks noGrp="1"/>
          </p:cNvSpPr>
          <p:nvPr>
            <p:ph type="body" sz="quarter" idx="159"/>
          </p:nvPr>
        </p:nvSpPr>
        <p:spPr>
          <a:xfrm>
            <a:off x="1343925" y="1491630"/>
            <a:ext cx="1605748" cy="648072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  <a:prstDash val="dash"/>
          </a:ln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1823294" y="3435846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160" hasCustomPrompt="1"/>
          </p:nvPr>
        </p:nvSpPr>
        <p:spPr>
          <a:xfrm>
            <a:off x="3802221" y="3199174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161" hasCustomPrompt="1"/>
          </p:nvPr>
        </p:nvSpPr>
        <p:spPr>
          <a:xfrm>
            <a:off x="6251802" y="2931790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998863" y="915566"/>
            <a:ext cx="511188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987824" y="493776"/>
            <a:ext cx="513579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RENDS &amp; PREDICTIONS</a:t>
            </a:r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543133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40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475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5500"/>
                            </p:stCondLst>
                            <p:childTnLst>
                              <p:par>
                                <p:cTn id="43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600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6500"/>
                            </p:stCondLst>
                            <p:childTnLst>
                              <p:par>
                                <p:cTn id="51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700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7500"/>
                            </p:stCondLst>
                            <p:childTnLst>
                              <p:par>
                                <p:cTn id="59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800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 animBg="1"/>
      <p:bldP spid="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/>
      <p:bldP spid="16" grpId="0"/>
      <p:bldP spid="17" grpId="0"/>
      <p:bldP spid="19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43608" y="2706624"/>
            <a:ext cx="3145979" cy="1810800"/>
          </a:xfrm>
          <a:prstGeom prst="rect">
            <a:avLst/>
          </a:prstGeom>
        </p:spPr>
      </p:pic>
      <p:sp>
        <p:nvSpPr>
          <p:cNvPr id="7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93776"/>
            <a:ext cx="499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RPORATE SOCIAL</a:t>
            </a:r>
            <a:endParaRPr lang="en-US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30"/>
          <p:cNvSpPr>
            <a:spLocks noGrp="1"/>
          </p:cNvSpPr>
          <p:nvPr>
            <p:ph type="body" sz="quarter" idx="189"/>
          </p:nvPr>
        </p:nvSpPr>
        <p:spPr>
          <a:xfrm>
            <a:off x="5004048" y="191530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90"/>
          </p:nvPr>
        </p:nvSpPr>
        <p:spPr>
          <a:xfrm>
            <a:off x="6216426" y="225963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91"/>
          </p:nvPr>
        </p:nvSpPr>
        <p:spPr>
          <a:xfrm>
            <a:off x="5580112" y="2604237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192"/>
          </p:nvPr>
        </p:nvSpPr>
        <p:spPr>
          <a:xfrm>
            <a:off x="4860032" y="295837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93"/>
          </p:nvPr>
        </p:nvSpPr>
        <p:spPr>
          <a:xfrm>
            <a:off x="6218282" y="3318600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94"/>
          </p:nvPr>
        </p:nvSpPr>
        <p:spPr>
          <a:xfrm>
            <a:off x="5523285" y="366363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95"/>
          </p:nvPr>
        </p:nvSpPr>
        <p:spPr>
          <a:xfrm>
            <a:off x="6012160" y="402363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129808" y="915566"/>
            <a:ext cx="4980937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RESPONSIBILITY</a:t>
            </a:r>
          </a:p>
        </p:txBody>
      </p:sp>
    </p:spTree>
    <p:extLst>
      <p:ext uri="{BB962C8B-B14F-4D97-AF65-F5344CB8AC3E}">
        <p14:creationId xmlns:p14="http://schemas.microsoft.com/office/powerpoint/2010/main" val="111559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5" name="Picture 34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6732000" y="1864800"/>
            <a:ext cx="1023819" cy="1018800"/>
          </a:xfrm>
          <a:prstGeom prst="rect">
            <a:avLst/>
          </a:prstGeom>
        </p:spPr>
      </p:pic>
      <p:pic>
        <p:nvPicPr>
          <p:cNvPr id="34" name="Picture 3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6731361" y="3160800"/>
            <a:ext cx="1023819" cy="101880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068000" y="3161817"/>
            <a:ext cx="1023819" cy="1018800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404000" y="3161817"/>
            <a:ext cx="1023819" cy="1018800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5396400" y="3160800"/>
            <a:ext cx="1023819" cy="1018800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2736000" y="3162369"/>
            <a:ext cx="1023819" cy="1018800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068000" y="1863909"/>
            <a:ext cx="1023819" cy="1018800"/>
          </a:xfrm>
          <a:prstGeom prst="rect">
            <a:avLst/>
          </a:prstGeom>
        </p:spPr>
      </p:pic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1403217" y="1863909"/>
            <a:ext cx="1023819" cy="1018800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396400" y="1864800"/>
            <a:ext cx="1023819" cy="10188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36000" y="1864800"/>
            <a:ext cx="1023819" cy="1018800"/>
          </a:xfrm>
          <a:prstGeom prst="rect">
            <a:avLst/>
          </a:prstGeom>
        </p:spPr>
      </p:pic>
      <p:sp>
        <p:nvSpPr>
          <p:cNvPr id="2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2771800" y="493776"/>
            <a:ext cx="565559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IGITAL MARKETING</a:t>
            </a:r>
            <a:endParaRPr lang="en-US" dirty="0"/>
          </a:p>
        </p:txBody>
      </p:sp>
      <p:cxnSp>
        <p:nvCxnSpPr>
          <p:cNvPr id="24" name="Straight Connector 23"/>
          <p:cNvCxnSpPr/>
          <p:nvPr userDrawn="1"/>
        </p:nvCxnSpPr>
        <p:spPr>
          <a:xfrm>
            <a:off x="8513064" y="613792"/>
            <a:ext cx="0" cy="7488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2771800" y="960120"/>
            <a:ext cx="5655593" cy="515510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1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79" name="Picture Placeholder 6"/>
          <p:cNvSpPr>
            <a:spLocks noGrp="1"/>
          </p:cNvSpPr>
          <p:nvPr>
            <p:ph type="pic" sz="quarter" idx="100" hasCustomPrompt="1"/>
          </p:nvPr>
        </p:nvSpPr>
        <p:spPr>
          <a:xfrm>
            <a:off x="1548000" y="2032722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5" name="Picture Placeholder 6"/>
          <p:cNvSpPr>
            <a:spLocks noGrp="1"/>
          </p:cNvSpPr>
          <p:nvPr>
            <p:ph type="pic" sz="quarter" idx="101" hasCustomPrompt="1"/>
          </p:nvPr>
        </p:nvSpPr>
        <p:spPr>
          <a:xfrm>
            <a:off x="2879830" y="2032722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7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4214854" y="2032722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9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5540734" y="2034000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1" name="Picture Placeholder 6"/>
          <p:cNvSpPr>
            <a:spLocks noGrp="1"/>
          </p:cNvSpPr>
          <p:nvPr>
            <p:ph type="pic" sz="quarter" idx="104" hasCustomPrompt="1"/>
          </p:nvPr>
        </p:nvSpPr>
        <p:spPr>
          <a:xfrm>
            <a:off x="1548000" y="3331521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3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2879830" y="3331521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5" name="Picture Placeholder 6"/>
          <p:cNvSpPr>
            <a:spLocks noGrp="1"/>
          </p:cNvSpPr>
          <p:nvPr>
            <p:ph type="pic" sz="quarter" idx="106" hasCustomPrompt="1"/>
          </p:nvPr>
        </p:nvSpPr>
        <p:spPr>
          <a:xfrm>
            <a:off x="4214854" y="3331521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7" name="Picture Placeholder 6"/>
          <p:cNvSpPr>
            <a:spLocks noGrp="1"/>
          </p:cNvSpPr>
          <p:nvPr>
            <p:ph type="pic" sz="quarter" idx="107" hasCustomPrompt="1"/>
          </p:nvPr>
        </p:nvSpPr>
        <p:spPr>
          <a:xfrm>
            <a:off x="5540734" y="3330000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9" name="Picture Placeholder 6"/>
          <p:cNvSpPr>
            <a:spLocks noGrp="1"/>
          </p:cNvSpPr>
          <p:nvPr>
            <p:ph type="pic" sz="quarter" idx="108" hasCustomPrompt="1"/>
          </p:nvPr>
        </p:nvSpPr>
        <p:spPr>
          <a:xfrm>
            <a:off x="6866614" y="2034000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1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866614" y="3330000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09592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53" presetClass="entr" presetSubtype="16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53" presetClass="entr" presetSubtype="16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53" presetClass="entr" presetSubtype="16" fill="hold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53" presetClass="entr" presetSubtype="16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53" presetClass="entr" presetSubtype="16" fill="hold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53" presetClass="entr" presetSubtype="16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53" presetClass="entr" presetSubtype="16" fill="hold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3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4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53" presetClass="entr" presetSubtype="16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8" dur="5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9" dur="5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53" presetClass="entr" presetSubtype="16" fill="hold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3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4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53" presetClass="entr" presetSubtype="16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8" dur="5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9" dur="5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1" presetID="53" presetClass="entr" presetSubtype="16" fill="hold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3" dur="5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4" dur="5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53" presetClass="entr" presetSubtype="16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8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9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53" presetClass="entr" presetSubtype="16" fill="hold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4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6" presetID="53" presetClass="entr" presetSubtype="16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8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9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0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1" presetID="53" presetClass="entr" presetSubtype="16" fill="hold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3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4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9" grpId="0"/>
      <p:bldP spid="55" grpId="0"/>
      <p:bldP spid="57" grpId="0"/>
      <p:bldP spid="59" grpId="0"/>
      <p:bldP spid="61" grpId="0"/>
      <p:bldP spid="63" grpId="0"/>
      <p:bldP spid="65" grpId="0"/>
      <p:bldP spid="67" grpId="0"/>
      <p:bldP spid="69" grpId="0"/>
      <p:bldP spid="71" grpId="0"/>
    </p:bldLst>
  </p:timing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4862018" y="1635646"/>
            <a:ext cx="317671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RKETING CHART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4860032" y="1216152"/>
            <a:ext cx="31915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DIGITAL</a:t>
            </a:r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166536" y="133158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5724128" y="2355726"/>
            <a:ext cx="2555048" cy="1728192"/>
          </a:xfrm>
          <a:prstGeom prst="rect">
            <a:avLst/>
          </a:prstGeom>
        </p:spPr>
        <p:txBody>
          <a:bodyPr lIns="91440" tIns="91440" rIns="91440" bIns="0" anchor="ctr"/>
          <a:lstStyle>
            <a:lvl1pPr marL="0" indent="0" algn="r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540279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640499" y="915566"/>
            <a:ext cx="547024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CEPT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627784" y="483518"/>
            <a:ext cx="549583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OCIAL MEDIA MARKETING</a:t>
            </a:r>
            <a:endParaRPr lang="en-US" dirty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89" hasCustomPrompt="1"/>
          </p:nvPr>
        </p:nvSpPr>
        <p:spPr>
          <a:xfrm>
            <a:off x="1043608" y="1679187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ADVERTISING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90" hasCustomPrompt="1"/>
          </p:nvPr>
        </p:nvSpPr>
        <p:spPr>
          <a:xfrm>
            <a:off x="1043608" y="2183243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EO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91" hasCustomPrompt="1"/>
          </p:nvPr>
        </p:nvSpPr>
        <p:spPr>
          <a:xfrm>
            <a:off x="1043608" y="2680393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OCIAL MEDIA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92" hasCustomPrompt="1"/>
          </p:nvPr>
        </p:nvSpPr>
        <p:spPr>
          <a:xfrm>
            <a:off x="1043608" y="3182188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BLOG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93" hasCustomPrompt="1"/>
          </p:nvPr>
        </p:nvSpPr>
        <p:spPr>
          <a:xfrm>
            <a:off x="1043608" y="3686244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CONTENT</a:t>
            </a:r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94" hasCustomPrompt="1"/>
          </p:nvPr>
        </p:nvSpPr>
        <p:spPr>
          <a:xfrm>
            <a:off x="7164288" y="2414016"/>
            <a:ext cx="792088" cy="648072"/>
          </a:xfrm>
          <a:prstGeom prst="rect">
            <a:avLst/>
          </a:prstGeom>
          <a:noFill/>
          <a:ln>
            <a:noFill/>
          </a:ln>
        </p:spPr>
        <p:txBody>
          <a:bodyPr lIns="73152" tIns="0" rIns="73152" bIns="0" anchor="ctr"/>
          <a:lstStyle>
            <a:lvl1pPr marL="0" indent="0" algn="ctr">
              <a:lnSpc>
                <a:spcPct val="9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OUR BUSINESS WEBSITE</a:t>
            </a:r>
          </a:p>
        </p:txBody>
      </p:sp>
    </p:spTree>
    <p:extLst>
      <p:ext uri="{BB962C8B-B14F-4D97-AF65-F5344CB8AC3E}">
        <p14:creationId xmlns:p14="http://schemas.microsoft.com/office/powerpoint/2010/main" val="16177786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6"/>
          <p:cNvSpPr>
            <a:spLocks noGrp="1"/>
          </p:cNvSpPr>
          <p:nvPr>
            <p:ph type="pic" sz="quarter" idx="25" hasCustomPrompt="1"/>
          </p:nvPr>
        </p:nvSpPr>
        <p:spPr>
          <a:xfrm>
            <a:off x="8010580" y="669813"/>
            <a:ext cx="1133420" cy="360031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7416"/>
              <a:gd name="connsiteY0" fmla="*/ 0 h 3853868"/>
              <a:gd name="connsiteX1" fmla="*/ 1572723 w 1577416"/>
              <a:gd name="connsiteY1" fmla="*/ 743905 h 3853868"/>
              <a:gd name="connsiteX2" fmla="*/ 1575578 w 1577416"/>
              <a:gd name="connsiteY2" fmla="*/ 3367387 h 3853868"/>
              <a:gd name="connsiteX3" fmla="*/ 14136 w 1577416"/>
              <a:gd name="connsiteY3" fmla="*/ 3853868 h 3853868"/>
              <a:gd name="connsiteX4" fmla="*/ 0 w 1577416"/>
              <a:gd name="connsiteY4" fmla="*/ 0 h 3853868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5972"/>
              <a:gd name="connsiteY0" fmla="*/ 0 h 3846716"/>
              <a:gd name="connsiteX1" fmla="*/ 1572723 w 1575972"/>
              <a:gd name="connsiteY1" fmla="*/ 743905 h 3846716"/>
              <a:gd name="connsiteX2" fmla="*/ 1575578 w 1575972"/>
              <a:gd name="connsiteY2" fmla="*/ 3367387 h 3846716"/>
              <a:gd name="connsiteX3" fmla="*/ 6985 w 1575972"/>
              <a:gd name="connsiteY3" fmla="*/ 3846716 h 3846716"/>
              <a:gd name="connsiteX4" fmla="*/ 0 w 1575972"/>
              <a:gd name="connsiteY4" fmla="*/ 0 h 3846716"/>
              <a:gd name="connsiteX0" fmla="*/ 0 w 1669872"/>
              <a:gd name="connsiteY0" fmla="*/ 0 h 3846716"/>
              <a:gd name="connsiteX1" fmla="*/ 1669872 w 1669872"/>
              <a:gd name="connsiteY1" fmla="*/ 926058 h 3846716"/>
              <a:gd name="connsiteX2" fmla="*/ 1575578 w 1669872"/>
              <a:gd name="connsiteY2" fmla="*/ 3367387 h 3846716"/>
              <a:gd name="connsiteX3" fmla="*/ 6985 w 1669872"/>
              <a:gd name="connsiteY3" fmla="*/ 3846716 h 3846716"/>
              <a:gd name="connsiteX4" fmla="*/ 0 w 1669872"/>
              <a:gd name="connsiteY4" fmla="*/ 0 h 3846716"/>
              <a:gd name="connsiteX0" fmla="*/ 0 w 1685001"/>
              <a:gd name="connsiteY0" fmla="*/ 0 h 3846716"/>
              <a:gd name="connsiteX1" fmla="*/ 1669872 w 1685001"/>
              <a:gd name="connsiteY1" fmla="*/ 926058 h 3846716"/>
              <a:gd name="connsiteX2" fmla="*/ 1684870 w 1685001"/>
              <a:gd name="connsiteY2" fmla="*/ 3306669 h 3846716"/>
              <a:gd name="connsiteX3" fmla="*/ 6985 w 1685001"/>
              <a:gd name="connsiteY3" fmla="*/ 3846716 h 3846716"/>
              <a:gd name="connsiteX4" fmla="*/ 0 w 1685001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30753"/>
              <a:gd name="connsiteX1" fmla="*/ 1675030 w 1678279"/>
              <a:gd name="connsiteY1" fmla="*/ 809503 h 3830753"/>
              <a:gd name="connsiteX2" fmla="*/ 1677885 w 1678279"/>
              <a:gd name="connsiteY2" fmla="*/ 3299406 h 3830753"/>
              <a:gd name="connsiteX3" fmla="*/ 0 w 1678279"/>
              <a:gd name="connsiteY3" fmla="*/ 3830753 h 3830753"/>
              <a:gd name="connsiteX4" fmla="*/ 1715 w 1678279"/>
              <a:gd name="connsiteY4" fmla="*/ 0 h 3830753"/>
              <a:gd name="connsiteX0" fmla="*/ 11852 w 1678279"/>
              <a:gd name="connsiteY0" fmla="*/ 0 h 3800341"/>
              <a:gd name="connsiteX1" fmla="*/ 1675030 w 1678279"/>
              <a:gd name="connsiteY1" fmla="*/ 779091 h 3800341"/>
              <a:gd name="connsiteX2" fmla="*/ 1677885 w 1678279"/>
              <a:gd name="connsiteY2" fmla="*/ 3268994 h 3800341"/>
              <a:gd name="connsiteX3" fmla="*/ 0 w 1678279"/>
              <a:gd name="connsiteY3" fmla="*/ 3800341 h 3800341"/>
              <a:gd name="connsiteX4" fmla="*/ 11852 w 1678279"/>
              <a:gd name="connsiteY4" fmla="*/ 0 h 3800341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68142" h="3810478">
                <a:moveTo>
                  <a:pt x="1715" y="0"/>
                </a:moveTo>
                <a:cubicBezTo>
                  <a:pt x="1545661" y="737586"/>
                  <a:pt x="126613" y="39482"/>
                  <a:pt x="1664893" y="779091"/>
                </a:cubicBezTo>
                <a:cubicBezTo>
                  <a:pt x="1664652" y="3232985"/>
                  <a:pt x="1669537" y="638006"/>
                  <a:pt x="1667748" y="3268994"/>
                </a:cubicBezTo>
                <a:lnTo>
                  <a:pt x="0" y="3810478"/>
                </a:lnTo>
                <a:cubicBezTo>
                  <a:pt x="1594" y="230491"/>
                  <a:pt x="-814" y="3691663"/>
                  <a:pt x="1715" y="0"/>
                </a:cubicBezTo>
                <a:close/>
              </a:path>
            </a:pathLst>
          </a:custGeom>
          <a:solidFill>
            <a:schemeClr val="bg1">
              <a:lumMod val="50000"/>
              <a:alpha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7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4389120" y="669813"/>
            <a:ext cx="3621460" cy="3588990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8565"/>
              <a:gd name="connsiteY0" fmla="*/ 570692 h 2979406"/>
              <a:gd name="connsiteX1" fmla="*/ 3000211 w 3008565"/>
              <a:gd name="connsiteY1" fmla="*/ 0 h 2979406"/>
              <a:gd name="connsiteX2" fmla="*/ 3005420 w 3008565"/>
              <a:gd name="connsiteY2" fmla="*/ 2979406 h 2979406"/>
              <a:gd name="connsiteX3" fmla="*/ 12032 w 3008565"/>
              <a:gd name="connsiteY3" fmla="*/ 2413922 h 2979406"/>
              <a:gd name="connsiteX4" fmla="*/ 0 w 3008565"/>
              <a:gd name="connsiteY4" fmla="*/ 570692 h 2979406"/>
              <a:gd name="connsiteX0" fmla="*/ 0 w 3005420"/>
              <a:gd name="connsiteY0" fmla="*/ 570692 h 2979406"/>
              <a:gd name="connsiteX1" fmla="*/ 3000211 w 3005420"/>
              <a:gd name="connsiteY1" fmla="*/ 0 h 2979406"/>
              <a:gd name="connsiteX2" fmla="*/ 3005420 w 3005420"/>
              <a:gd name="connsiteY2" fmla="*/ 2979406 h 2979406"/>
              <a:gd name="connsiteX3" fmla="*/ 12032 w 3005420"/>
              <a:gd name="connsiteY3" fmla="*/ 2413922 h 2979406"/>
              <a:gd name="connsiteX4" fmla="*/ 0 w 3005420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6361" h="2979406">
                <a:moveTo>
                  <a:pt x="0" y="570692"/>
                </a:moveTo>
                <a:lnTo>
                  <a:pt x="3000211" y="0"/>
                </a:lnTo>
                <a:cubicBezTo>
                  <a:pt x="3004222" y="2769619"/>
                  <a:pt x="3008233" y="127901"/>
                  <a:pt x="3005420" y="2979406"/>
                </a:cubicBezTo>
                <a:lnTo>
                  <a:pt x="12032" y="2413922"/>
                </a:lnTo>
                <a:cubicBezTo>
                  <a:pt x="8021" y="1799512"/>
                  <a:pt x="4011" y="1185102"/>
                  <a:pt x="0" y="570692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2378584" y="1630501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323528" y="2139702"/>
            <a:ext cx="3384376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>
                <a:latin typeface="TeXGyreHeros" panose="00000500000000000000" pitchFamily="50" charset="0"/>
              </a:rPr>
              <a:t>TEAMS &amp; PEOPLE</a:t>
            </a:r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328842" y="2724912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3831336" y="2240280"/>
            <a:ext cx="0" cy="46634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323528" y="2468880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069717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4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000"/>
                            </p:stCondLst>
                            <p:childTnLst>
                              <p:par>
                                <p:cTn id="12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00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000"/>
                            </p:stCondLst>
                            <p:childTnLst>
                              <p:par>
                                <p:cTn id="22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7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250"/>
                            </p:stCondLst>
                            <p:childTnLst>
                              <p:par>
                                <p:cTn id="29" presetID="22" presetClass="entr" presetSubtype="2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1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8" grpId="0" animBg="1"/>
      <p:bldP spid="10" grpId="0"/>
      <p:bldP spid="1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Rectangle 40"/>
          <p:cNvSpPr/>
          <p:nvPr userDrawn="1"/>
        </p:nvSpPr>
        <p:spPr>
          <a:xfrm>
            <a:off x="1047494" y="1636776"/>
            <a:ext cx="7043277" cy="100584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112" hasCustomPrompt="1"/>
          </p:nvPr>
        </p:nvSpPr>
        <p:spPr>
          <a:xfrm>
            <a:off x="2224300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3404364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1045497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4582457" y="1635645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07" hasCustomPrompt="1"/>
          </p:nvPr>
        </p:nvSpPr>
        <p:spPr>
          <a:xfrm>
            <a:off x="5760550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3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938643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2" name="Rectangle 41"/>
          <p:cNvSpPr/>
          <p:nvPr userDrawn="1"/>
        </p:nvSpPr>
        <p:spPr>
          <a:xfrm>
            <a:off x="1043608" y="2859781"/>
            <a:ext cx="7047163" cy="100813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00" hasCustomPrompt="1"/>
          </p:nvPr>
        </p:nvSpPr>
        <p:spPr>
          <a:xfrm>
            <a:off x="1045497" y="2859783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104" hasCustomPrompt="1"/>
          </p:nvPr>
        </p:nvSpPr>
        <p:spPr>
          <a:xfrm>
            <a:off x="3404514" y="2859782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06" hasCustomPrompt="1"/>
          </p:nvPr>
        </p:nvSpPr>
        <p:spPr>
          <a:xfrm>
            <a:off x="4582457" y="2861325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10" hasCustomPrompt="1"/>
          </p:nvPr>
        </p:nvSpPr>
        <p:spPr>
          <a:xfrm>
            <a:off x="6940296" y="2859783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11" hasCustomPrompt="1"/>
          </p:nvPr>
        </p:nvSpPr>
        <p:spPr>
          <a:xfrm>
            <a:off x="5760550" y="2859781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1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1041644" y="3870646"/>
            <a:ext cx="7057677" cy="246888"/>
          </a:xfrm>
          <a:prstGeom prst="rect">
            <a:avLst/>
          </a:prstGeom>
          <a:solidFill>
            <a:schemeClr val="bg1"/>
          </a:solidFill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13" hasCustomPrompt="1"/>
          </p:nvPr>
        </p:nvSpPr>
        <p:spPr>
          <a:xfrm>
            <a:off x="2233708" y="3078540"/>
            <a:ext cx="1135408" cy="285298"/>
          </a:xfrm>
          <a:prstGeom prst="rect">
            <a:avLst/>
          </a:prstGeom>
          <a:noFill/>
        </p:spPr>
        <p:txBody>
          <a:bodyPr lIns="73152" rIns="73152" anchor="ctr"/>
          <a:lstStyle>
            <a:lvl1pPr marL="0" indent="0" algn="l">
              <a:buNone/>
              <a:defRPr sz="14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114" hasCustomPrompt="1"/>
          </p:nvPr>
        </p:nvSpPr>
        <p:spPr>
          <a:xfrm>
            <a:off x="2227012" y="3291830"/>
            <a:ext cx="1135408" cy="213526"/>
          </a:xfrm>
          <a:prstGeom prst="rect">
            <a:avLst/>
          </a:prstGeom>
          <a:noFill/>
        </p:spPr>
        <p:txBody>
          <a:bodyPr lIns="73152" rIns="73152" anchor="ctr"/>
          <a:lstStyle>
            <a:lvl1pPr marL="0" indent="0" algn="l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931652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750"/>
                            </p:stCondLst>
                            <p:childTnLst>
                              <p:par>
                                <p:cTn id="30" presetID="22" presetClass="entr" presetSubtype="1" fill="hold" grpId="0" nodeType="afterEffect">
                                  <p:stCondLst>
                                    <p:cond delay="1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2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1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4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9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14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17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19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21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1" grpId="0" animBg="1"/>
      <p:bldP spid="39" grpId="0" animBg="1"/>
      <p:bldP spid="21" grpId="0" animBg="1"/>
      <p:bldP spid="7" grpId="0" animBg="1"/>
      <p:bldP spid="24" grpId="0" animBg="1"/>
      <p:bldP spid="27" grpId="0" animBg="1"/>
      <p:bldP spid="33" grpId="0" animBg="1"/>
      <p:bldP spid="42" grpId="0" animBg="1"/>
      <p:bldP spid="14" grpId="0" animBg="1"/>
      <p:bldP spid="23" grpId="0" animBg="1"/>
      <p:bldP spid="26" grpId="0" animBg="1"/>
      <p:bldP spid="35" grpId="0" animBg="1"/>
      <p:bldP spid="38" grpId="0" animBg="1"/>
      <p:bldP spid="4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animBg="1">
        <p:tmplLst>
          <p:tmpl>
            <p:tnLst>
              <p:par>
                <p:cTn presetID="22" presetClass="entr" presetSubtype="1" fill="hold" nodeType="afterEffect">
                  <p:stCondLst>
                    <p:cond delay="1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331640" y="1570203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Rectangle 22"/>
          <p:cNvSpPr/>
          <p:nvPr userDrawn="1"/>
        </p:nvSpPr>
        <p:spPr>
          <a:xfrm>
            <a:off x="3076154" y="1569515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Rectangle 26"/>
          <p:cNvSpPr/>
          <p:nvPr userDrawn="1"/>
        </p:nvSpPr>
        <p:spPr>
          <a:xfrm>
            <a:off x="4819813" y="1564178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" name="Rectangle 32"/>
          <p:cNvSpPr/>
          <p:nvPr userDrawn="1"/>
        </p:nvSpPr>
        <p:spPr>
          <a:xfrm>
            <a:off x="6562617" y="1561904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0" name="Rectangle 39"/>
          <p:cNvSpPr/>
          <p:nvPr userDrawn="1"/>
        </p:nvSpPr>
        <p:spPr>
          <a:xfrm>
            <a:off x="1331640" y="3128696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6" name="Rectangle 45"/>
          <p:cNvSpPr/>
          <p:nvPr userDrawn="1"/>
        </p:nvSpPr>
        <p:spPr>
          <a:xfrm>
            <a:off x="3076154" y="3128008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4" name="Rectangle 53"/>
          <p:cNvSpPr/>
          <p:nvPr userDrawn="1"/>
        </p:nvSpPr>
        <p:spPr>
          <a:xfrm>
            <a:off x="4819813" y="3122671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8" name="Rectangle 57"/>
          <p:cNvSpPr/>
          <p:nvPr userDrawn="1"/>
        </p:nvSpPr>
        <p:spPr>
          <a:xfrm>
            <a:off x="6562617" y="3120397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331640" y="2664741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1331640" y="1567929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331640" y="2479330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3076154" y="2664053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3076154" y="1567241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06" hasCustomPrompt="1"/>
          </p:nvPr>
        </p:nvSpPr>
        <p:spPr>
          <a:xfrm>
            <a:off x="3076154" y="2478642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07" hasCustomPrompt="1"/>
          </p:nvPr>
        </p:nvSpPr>
        <p:spPr>
          <a:xfrm>
            <a:off x="4819813" y="2658716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25" name="Picture Placeholder 6"/>
          <p:cNvSpPr>
            <a:spLocks noGrp="1"/>
          </p:cNvSpPr>
          <p:nvPr>
            <p:ph type="pic" sz="quarter" idx="108" hasCustomPrompt="1"/>
          </p:nvPr>
        </p:nvSpPr>
        <p:spPr>
          <a:xfrm>
            <a:off x="4819813" y="1561904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09" hasCustomPrompt="1"/>
          </p:nvPr>
        </p:nvSpPr>
        <p:spPr>
          <a:xfrm>
            <a:off x="4819813" y="2473305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110" hasCustomPrompt="1"/>
          </p:nvPr>
        </p:nvSpPr>
        <p:spPr>
          <a:xfrm>
            <a:off x="6562617" y="2656442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111" hasCustomPrompt="1"/>
          </p:nvPr>
        </p:nvSpPr>
        <p:spPr>
          <a:xfrm>
            <a:off x="6562617" y="1559630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6562617" y="2471031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113" hasCustomPrompt="1"/>
          </p:nvPr>
        </p:nvSpPr>
        <p:spPr>
          <a:xfrm>
            <a:off x="1331640" y="4223234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14" hasCustomPrompt="1"/>
          </p:nvPr>
        </p:nvSpPr>
        <p:spPr>
          <a:xfrm>
            <a:off x="1331640" y="3126422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115" hasCustomPrompt="1"/>
          </p:nvPr>
        </p:nvSpPr>
        <p:spPr>
          <a:xfrm>
            <a:off x="1331640" y="4037823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41" name="Text Placeholder 27"/>
          <p:cNvSpPr>
            <a:spLocks noGrp="1"/>
          </p:cNvSpPr>
          <p:nvPr>
            <p:ph type="body" sz="quarter" idx="116" hasCustomPrompt="1"/>
          </p:nvPr>
        </p:nvSpPr>
        <p:spPr>
          <a:xfrm>
            <a:off x="3076154" y="4222546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42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3076154" y="3125734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18" hasCustomPrompt="1"/>
          </p:nvPr>
        </p:nvSpPr>
        <p:spPr>
          <a:xfrm>
            <a:off x="3076154" y="4037135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119" hasCustomPrompt="1"/>
          </p:nvPr>
        </p:nvSpPr>
        <p:spPr>
          <a:xfrm>
            <a:off x="4819813" y="4217209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52" name="Picture Placeholder 6"/>
          <p:cNvSpPr>
            <a:spLocks noGrp="1"/>
          </p:cNvSpPr>
          <p:nvPr>
            <p:ph type="pic" sz="quarter" idx="120" hasCustomPrompt="1"/>
          </p:nvPr>
        </p:nvSpPr>
        <p:spPr>
          <a:xfrm>
            <a:off x="4819813" y="3120397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4819813" y="4031798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55" name="Text Placeholder 27"/>
          <p:cNvSpPr>
            <a:spLocks noGrp="1"/>
          </p:cNvSpPr>
          <p:nvPr>
            <p:ph type="body" sz="quarter" idx="122" hasCustomPrompt="1"/>
          </p:nvPr>
        </p:nvSpPr>
        <p:spPr>
          <a:xfrm>
            <a:off x="6562617" y="4214935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56" name="Picture Placeholder 6"/>
          <p:cNvSpPr>
            <a:spLocks noGrp="1"/>
          </p:cNvSpPr>
          <p:nvPr>
            <p:ph type="pic" sz="quarter" idx="123" hasCustomPrompt="1"/>
          </p:nvPr>
        </p:nvSpPr>
        <p:spPr>
          <a:xfrm>
            <a:off x="6562617" y="3118123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7" name="Text Placeholder 27"/>
          <p:cNvSpPr>
            <a:spLocks noGrp="1"/>
          </p:cNvSpPr>
          <p:nvPr>
            <p:ph type="body" sz="quarter" idx="124" hasCustomPrompt="1"/>
          </p:nvPr>
        </p:nvSpPr>
        <p:spPr>
          <a:xfrm>
            <a:off x="6562617" y="4029524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48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</a:t>
            </a:r>
            <a:r>
              <a:rPr lang="en-US" dirty="0"/>
              <a:t> </a:t>
            </a:r>
            <a:r>
              <a:rPr lang="en-US" dirty="0" smtClean="0"/>
              <a:t>02</a:t>
            </a:r>
          </a:p>
        </p:txBody>
      </p:sp>
      <p:cxnSp>
        <p:nvCxnSpPr>
          <p:cNvPr id="50" name="Straight Connector 49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78824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4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4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15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6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1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6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4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4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605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6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4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6" dur="4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69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6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4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4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785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6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400"/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40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3" fill="hold">
                            <p:stCondLst>
                              <p:cond delay="8750"/>
                            </p:stCondLst>
                            <p:childTnLst>
                              <p:par>
                                <p:cTn id="9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6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40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40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9650"/>
                            </p:stCondLst>
                            <p:childTnLst>
                              <p:par>
                                <p:cTn id="10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6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400"/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8" dur="400"/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23" grpId="0" animBg="1"/>
      <p:bldP spid="27" grpId="0" animBg="1"/>
      <p:bldP spid="33" grpId="0" animBg="1"/>
      <p:bldP spid="40" grpId="0" animBg="1"/>
      <p:bldP spid="46" grpId="0" animBg="1"/>
      <p:bldP spid="54" grpId="0" animBg="1"/>
      <p:bldP spid="58" grpId="0" animBg="1"/>
      <p:bldP spid="3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3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/>
      <p:bldP spid="2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1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4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animBg="1"/>
      <p:bldP spid="3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animBg="1"/>
      <p:bldP spid="3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 animBg="1"/>
      <p:bldP spid="4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 animBg="1"/>
      <p:bldP spid="5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 animBg="1"/>
      <p:bldP spid="5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4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0" y="1360777"/>
            <a:ext cx="9144000" cy="17865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4"/>
          </p:nvPr>
        </p:nvSpPr>
        <p:spPr>
          <a:xfrm>
            <a:off x="467544" y="3291313"/>
            <a:ext cx="4023360" cy="1453840"/>
          </a:xfrm>
          <a:prstGeom prst="rect">
            <a:avLst/>
          </a:prstGeom>
        </p:spPr>
        <p:txBody>
          <a:bodyPr/>
          <a:lstStyle>
            <a:lvl1pPr marL="0" indent="0" algn="thaiDist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612768" y="3291313"/>
            <a:ext cx="4023360" cy="145384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4932040" y="411510"/>
            <a:ext cx="349535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HAT WE DO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8513064" y="539496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4932040" y="822960"/>
            <a:ext cx="3495353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74772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850"/>
                            </p:stCondLst>
                            <p:childTnLst>
                              <p:par>
                                <p:cTn id="20" presetID="22" presetClass="entr" presetSubtype="1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1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4" grpId="0">
        <p:tmplLst>
          <p:tmpl>
            <p:tnLst>
              <p:par>
                <p:cTn presetID="22" presetClass="entr" presetSubtype="1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22" presetClass="entr" presetSubtype="1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475657" y="1719072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3" name="Rectangle 82"/>
          <p:cNvSpPr/>
          <p:nvPr userDrawn="1"/>
        </p:nvSpPr>
        <p:spPr>
          <a:xfrm>
            <a:off x="4147892" y="1719072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" name="Rectangle 87"/>
          <p:cNvSpPr/>
          <p:nvPr userDrawn="1"/>
        </p:nvSpPr>
        <p:spPr>
          <a:xfrm>
            <a:off x="6827648" y="1719072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3" name="Rectangle 92"/>
          <p:cNvSpPr/>
          <p:nvPr userDrawn="1"/>
        </p:nvSpPr>
        <p:spPr>
          <a:xfrm>
            <a:off x="1475657" y="3108960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8" name="Rectangle 97"/>
          <p:cNvSpPr/>
          <p:nvPr userDrawn="1"/>
        </p:nvSpPr>
        <p:spPr>
          <a:xfrm>
            <a:off x="4147892" y="3108960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3" name="Rectangle 102"/>
          <p:cNvSpPr/>
          <p:nvPr userDrawn="1"/>
        </p:nvSpPr>
        <p:spPr>
          <a:xfrm>
            <a:off x="6827648" y="3108960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683568" y="1719072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1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3355803" y="1719072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6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035559" y="1719072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1" name="Picture Placeholder 6"/>
          <p:cNvSpPr>
            <a:spLocks noGrp="1"/>
          </p:cNvSpPr>
          <p:nvPr>
            <p:ph type="pic" sz="quarter" idx="113" hasCustomPrompt="1"/>
          </p:nvPr>
        </p:nvSpPr>
        <p:spPr>
          <a:xfrm>
            <a:off x="683568" y="3108960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6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3355803" y="3108960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1" name="Picture Placeholder 6"/>
          <p:cNvSpPr>
            <a:spLocks noGrp="1"/>
          </p:cNvSpPr>
          <p:nvPr>
            <p:ph type="pic" sz="quarter" idx="121" hasCustomPrompt="1"/>
          </p:nvPr>
        </p:nvSpPr>
        <p:spPr>
          <a:xfrm>
            <a:off x="6035559" y="3108960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0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4474115" y="1875846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82" name="Text Placeholder 27"/>
          <p:cNvSpPr>
            <a:spLocks noGrp="1"/>
          </p:cNvSpPr>
          <p:nvPr>
            <p:ph type="body" sz="quarter" idx="106" hasCustomPrompt="1"/>
          </p:nvPr>
        </p:nvSpPr>
        <p:spPr>
          <a:xfrm>
            <a:off x="4474115" y="1692341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84" name="Text Placeholder 30"/>
          <p:cNvSpPr>
            <a:spLocks noGrp="1"/>
          </p:cNvSpPr>
          <p:nvPr>
            <p:ph type="body" sz="quarter" idx="107"/>
          </p:nvPr>
        </p:nvSpPr>
        <p:spPr>
          <a:xfrm>
            <a:off x="4474115" y="2130552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801880" y="1875846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801880" y="1692341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45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1801880" y="2130552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5" name="Text Placeholder 27"/>
          <p:cNvSpPr>
            <a:spLocks noGrp="1"/>
          </p:cNvSpPr>
          <p:nvPr>
            <p:ph type="body" sz="quarter" idx="108" hasCustomPrompt="1"/>
          </p:nvPr>
        </p:nvSpPr>
        <p:spPr>
          <a:xfrm>
            <a:off x="7153871" y="1875846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87" name="Text Placeholder 27"/>
          <p:cNvSpPr>
            <a:spLocks noGrp="1"/>
          </p:cNvSpPr>
          <p:nvPr>
            <p:ph type="body" sz="quarter" idx="110" hasCustomPrompt="1"/>
          </p:nvPr>
        </p:nvSpPr>
        <p:spPr>
          <a:xfrm>
            <a:off x="7153871" y="1692341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89" name="Text Placeholder 30"/>
          <p:cNvSpPr>
            <a:spLocks noGrp="1"/>
          </p:cNvSpPr>
          <p:nvPr>
            <p:ph type="body" sz="quarter" idx="111"/>
          </p:nvPr>
        </p:nvSpPr>
        <p:spPr>
          <a:xfrm>
            <a:off x="7153871" y="2130552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0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1801880" y="3259311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92" name="Text Placeholder 27"/>
          <p:cNvSpPr>
            <a:spLocks noGrp="1"/>
          </p:cNvSpPr>
          <p:nvPr>
            <p:ph type="body" sz="quarter" idx="114" hasCustomPrompt="1"/>
          </p:nvPr>
        </p:nvSpPr>
        <p:spPr>
          <a:xfrm>
            <a:off x="1801880" y="3075806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94" name="Text Placeholder 30"/>
          <p:cNvSpPr>
            <a:spLocks noGrp="1"/>
          </p:cNvSpPr>
          <p:nvPr>
            <p:ph type="body" sz="quarter" idx="115"/>
          </p:nvPr>
        </p:nvSpPr>
        <p:spPr>
          <a:xfrm>
            <a:off x="1801880" y="3511296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5" name="Text Placeholder 27"/>
          <p:cNvSpPr>
            <a:spLocks noGrp="1"/>
          </p:cNvSpPr>
          <p:nvPr>
            <p:ph type="body" sz="quarter" idx="116" hasCustomPrompt="1"/>
          </p:nvPr>
        </p:nvSpPr>
        <p:spPr>
          <a:xfrm>
            <a:off x="4474115" y="3259311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97" name="Text Placeholder 27"/>
          <p:cNvSpPr>
            <a:spLocks noGrp="1"/>
          </p:cNvSpPr>
          <p:nvPr>
            <p:ph type="body" sz="quarter" idx="118" hasCustomPrompt="1"/>
          </p:nvPr>
        </p:nvSpPr>
        <p:spPr>
          <a:xfrm>
            <a:off x="4474115" y="3075806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99" name="Text Placeholder 30"/>
          <p:cNvSpPr>
            <a:spLocks noGrp="1"/>
          </p:cNvSpPr>
          <p:nvPr>
            <p:ph type="body" sz="quarter" idx="119"/>
          </p:nvPr>
        </p:nvSpPr>
        <p:spPr>
          <a:xfrm>
            <a:off x="4474115" y="3511296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0" name="Text Placeholder 27"/>
          <p:cNvSpPr>
            <a:spLocks noGrp="1"/>
          </p:cNvSpPr>
          <p:nvPr>
            <p:ph type="body" sz="quarter" idx="120" hasCustomPrompt="1"/>
          </p:nvPr>
        </p:nvSpPr>
        <p:spPr>
          <a:xfrm>
            <a:off x="7153871" y="3259311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102" name="Text Placeholder 27"/>
          <p:cNvSpPr>
            <a:spLocks noGrp="1"/>
          </p:cNvSpPr>
          <p:nvPr>
            <p:ph type="body" sz="quarter" idx="122" hasCustomPrompt="1"/>
          </p:nvPr>
        </p:nvSpPr>
        <p:spPr>
          <a:xfrm>
            <a:off x="7153871" y="3075806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104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7153871" y="3511296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3</a:t>
            </a:r>
            <a:endParaRPr lang="en-US" dirty="0"/>
          </a:p>
        </p:txBody>
      </p:sp>
      <p:cxnSp>
        <p:nvCxnSpPr>
          <p:cNvPr id="40" name="Straight Connector 39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143522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75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2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0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4750"/>
                            </p:stCondLst>
                            <p:childTnLst>
                              <p:par>
                                <p:cTn id="3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2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25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50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8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8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6250"/>
                            </p:stCondLst>
                            <p:childTnLst>
                              <p:par>
                                <p:cTn id="5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6750"/>
                            </p:stCondLst>
                            <p:childTnLst>
                              <p:par>
                                <p:cTn id="6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250"/>
                                        <p:tgtEl>
                                          <p:spTgt spid="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7000"/>
                            </p:stCondLst>
                            <p:childTnLst>
                              <p:par>
                                <p:cTn id="6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8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8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8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7750"/>
                            </p:stCondLst>
                            <p:childTnLst>
                              <p:par>
                                <p:cTn id="7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8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9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8250"/>
                            </p:stCondLst>
                            <p:childTnLst>
                              <p:par>
                                <p:cTn id="8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25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8500"/>
                            </p:stCondLst>
                            <p:childTnLst>
                              <p:par>
                                <p:cTn id="8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9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5" fill="hold">
                            <p:stCondLst>
                              <p:cond delay="9250"/>
                            </p:stCondLst>
                            <p:childTnLst>
                              <p:par>
                                <p:cTn id="9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8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9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1" fill="hold">
                            <p:stCondLst>
                              <p:cond delay="9750"/>
                            </p:stCondLst>
                            <p:childTnLst>
                              <p:par>
                                <p:cTn id="10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25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10000"/>
                            </p:stCondLst>
                            <p:childTnLst>
                              <p:par>
                                <p:cTn id="10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500"/>
                                        <p:tgtEl>
                                          <p:spTgt spid="9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9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500"/>
                                        <p:tgtEl>
                                          <p:spTgt spid="9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5" fill="hold">
                            <p:stCondLst>
                              <p:cond delay="10750"/>
                            </p:stCondLst>
                            <p:childTnLst>
                              <p:par>
                                <p:cTn id="11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8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9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0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1" fill="hold">
                            <p:stCondLst>
                              <p:cond delay="11250"/>
                            </p:stCondLst>
                            <p:childTnLst>
                              <p:par>
                                <p:cTn id="12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4" dur="25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5" fill="hold">
                            <p:stCondLst>
                              <p:cond delay="11500"/>
                            </p:stCondLst>
                            <p:childTnLst>
                              <p:par>
                                <p:cTn id="1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8" dur="500"/>
                                        <p:tgtEl>
                                          <p:spTgt spid="10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1" dur="500"/>
                                        <p:tgtEl>
                                          <p:spTgt spid="10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500"/>
                                        <p:tgtEl>
                                          <p:spTgt spid="10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83" grpId="0" animBg="1"/>
      <p:bldP spid="88" grpId="0" animBg="1"/>
      <p:bldP spid="93" grpId="0" animBg="1"/>
      <p:bldP spid="98" grpId="0" animBg="1"/>
      <p:bldP spid="103" grpId="0" animBg="1"/>
      <p:bldP spid="21" grpId="0" animBg="1"/>
      <p:bldP spid="81" grpId="0" animBg="1"/>
      <p:bldP spid="86" grpId="0" animBg="1"/>
      <p:bldP spid="91" grpId="0" animBg="1"/>
      <p:bldP spid="96" grpId="0" animBg="1"/>
      <p:bldP spid="101" grpId="0" animBg="1"/>
      <p:bldP spid="8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6"/>
          <p:cNvSpPr>
            <a:spLocks noGrp="1"/>
          </p:cNvSpPr>
          <p:nvPr>
            <p:ph type="pic" sz="quarter" idx="210" hasCustomPrompt="1"/>
          </p:nvPr>
        </p:nvSpPr>
        <p:spPr>
          <a:xfrm>
            <a:off x="6611112" y="2715766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7380312" y="2679192"/>
            <a:ext cx="144016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7380312" y="2834640"/>
            <a:ext cx="1440160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212"/>
          </p:nvPr>
        </p:nvSpPr>
        <p:spPr>
          <a:xfrm>
            <a:off x="6345936" y="1740599"/>
            <a:ext cx="144016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213"/>
          </p:nvPr>
        </p:nvSpPr>
        <p:spPr>
          <a:xfrm>
            <a:off x="6345936" y="1884616"/>
            <a:ext cx="1440160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15"/>
          </p:nvPr>
        </p:nvSpPr>
        <p:spPr>
          <a:xfrm>
            <a:off x="1847088" y="1380559"/>
            <a:ext cx="1512168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216"/>
          </p:nvPr>
        </p:nvSpPr>
        <p:spPr>
          <a:xfrm>
            <a:off x="1847088" y="1524576"/>
            <a:ext cx="1512168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93776"/>
            <a:ext cx="427169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4</a:t>
            </a:r>
            <a:endParaRPr lang="en-US" dirty="0"/>
          </a:p>
        </p:txBody>
      </p:sp>
      <p:cxnSp>
        <p:nvCxnSpPr>
          <p:cNvPr id="30" name="Straight Connector 29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Picture Placeholder 6"/>
          <p:cNvSpPr>
            <a:spLocks noGrp="1"/>
          </p:cNvSpPr>
          <p:nvPr>
            <p:ph type="pic" sz="quarter" idx="223" hasCustomPrompt="1"/>
          </p:nvPr>
        </p:nvSpPr>
        <p:spPr>
          <a:xfrm>
            <a:off x="5580112" y="1779662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224" hasCustomPrompt="1"/>
          </p:nvPr>
        </p:nvSpPr>
        <p:spPr>
          <a:xfrm>
            <a:off x="3419872" y="1419622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1" name="Text Placeholder 27"/>
          <p:cNvSpPr>
            <a:spLocks noGrp="1"/>
          </p:cNvSpPr>
          <p:nvPr>
            <p:ph type="body" sz="quarter" idx="225"/>
          </p:nvPr>
        </p:nvSpPr>
        <p:spPr>
          <a:xfrm>
            <a:off x="683568" y="2211710"/>
            <a:ext cx="1512168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2" name="Text Placeholder 30"/>
          <p:cNvSpPr>
            <a:spLocks noGrp="1"/>
          </p:cNvSpPr>
          <p:nvPr>
            <p:ph type="body" sz="quarter" idx="226"/>
          </p:nvPr>
        </p:nvSpPr>
        <p:spPr>
          <a:xfrm>
            <a:off x="683568" y="2355727"/>
            <a:ext cx="1512168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227" hasCustomPrompt="1"/>
          </p:nvPr>
        </p:nvSpPr>
        <p:spPr>
          <a:xfrm>
            <a:off x="2256352" y="2250773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5" name="Text Placeholder 27"/>
          <p:cNvSpPr>
            <a:spLocks noGrp="1"/>
          </p:cNvSpPr>
          <p:nvPr>
            <p:ph type="body" sz="quarter" idx="228"/>
          </p:nvPr>
        </p:nvSpPr>
        <p:spPr>
          <a:xfrm>
            <a:off x="395536" y="3135029"/>
            <a:ext cx="1512168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6" name="Text Placeholder 30"/>
          <p:cNvSpPr>
            <a:spLocks noGrp="1"/>
          </p:cNvSpPr>
          <p:nvPr>
            <p:ph type="body" sz="quarter" idx="229"/>
          </p:nvPr>
        </p:nvSpPr>
        <p:spPr>
          <a:xfrm>
            <a:off x="395536" y="3279046"/>
            <a:ext cx="1512168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230" hasCustomPrompt="1"/>
          </p:nvPr>
        </p:nvSpPr>
        <p:spPr>
          <a:xfrm>
            <a:off x="1968320" y="3174092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74143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9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9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9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3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28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animBg="1"/>
      <p:bldP spid="39" grpId="0" animBg="1"/>
      <p:bldP spid="43" grpId="0" animBg="1"/>
      <p:bldP spid="47" grpId="0" animBg="1"/>
    </p:bldLst>
  </p:timing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Rectangle 62"/>
          <p:cNvSpPr/>
          <p:nvPr userDrawn="1"/>
        </p:nvSpPr>
        <p:spPr>
          <a:xfrm flipV="1">
            <a:off x="6391656" y="2331720"/>
            <a:ext cx="1728216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4" name="Rectangle 63"/>
          <p:cNvSpPr/>
          <p:nvPr userDrawn="1"/>
        </p:nvSpPr>
        <p:spPr>
          <a:xfrm flipV="1">
            <a:off x="4608028" y="2331720"/>
            <a:ext cx="1727548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5" name="Rectangle 64"/>
          <p:cNvSpPr/>
          <p:nvPr userDrawn="1"/>
        </p:nvSpPr>
        <p:spPr>
          <a:xfrm flipV="1">
            <a:off x="2827260" y="2331720"/>
            <a:ext cx="1726952" cy="352719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6" name="Rectangle 65"/>
          <p:cNvSpPr/>
          <p:nvPr userDrawn="1"/>
        </p:nvSpPr>
        <p:spPr>
          <a:xfrm flipV="1">
            <a:off x="1043608" y="2331720"/>
            <a:ext cx="1728192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03" hasCustomPrompt="1"/>
          </p:nvPr>
        </p:nvSpPr>
        <p:spPr>
          <a:xfrm>
            <a:off x="2753488" y="2743886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2753488" y="300078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07" hasCustomPrompt="1"/>
          </p:nvPr>
        </p:nvSpPr>
        <p:spPr>
          <a:xfrm>
            <a:off x="4535376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08" hasCustomPrompt="1"/>
          </p:nvPr>
        </p:nvSpPr>
        <p:spPr>
          <a:xfrm>
            <a:off x="4535376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6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971600" y="3382498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971600" y="2741563"/>
            <a:ext cx="181413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971600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02"/>
          </p:nvPr>
        </p:nvSpPr>
        <p:spPr>
          <a:xfrm>
            <a:off x="2753488" y="3384821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106"/>
          </p:nvPr>
        </p:nvSpPr>
        <p:spPr>
          <a:xfrm>
            <a:off x="4535376" y="3382498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10"/>
          </p:nvPr>
        </p:nvSpPr>
        <p:spPr>
          <a:xfrm>
            <a:off x="6319648" y="3382498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111" hasCustomPrompt="1"/>
          </p:nvPr>
        </p:nvSpPr>
        <p:spPr>
          <a:xfrm>
            <a:off x="6319648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6319648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118" hasCustomPrompt="1"/>
          </p:nvPr>
        </p:nvSpPr>
        <p:spPr>
          <a:xfrm>
            <a:off x="2822492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119" hasCustomPrompt="1"/>
          </p:nvPr>
        </p:nvSpPr>
        <p:spPr>
          <a:xfrm>
            <a:off x="3499883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5" name="Picture Placeholder 6"/>
          <p:cNvSpPr>
            <a:spLocks noGrp="1"/>
          </p:cNvSpPr>
          <p:nvPr>
            <p:ph type="pic" sz="quarter" idx="120" hasCustomPrompt="1"/>
          </p:nvPr>
        </p:nvSpPr>
        <p:spPr>
          <a:xfrm>
            <a:off x="3060971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6" name="Picture Placeholder 6"/>
          <p:cNvSpPr>
            <a:spLocks noGrp="1"/>
          </p:cNvSpPr>
          <p:nvPr>
            <p:ph type="pic" sz="quarter" idx="121" hasCustomPrompt="1"/>
          </p:nvPr>
        </p:nvSpPr>
        <p:spPr>
          <a:xfrm>
            <a:off x="3280427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122" hasCustomPrompt="1"/>
          </p:nvPr>
        </p:nvSpPr>
        <p:spPr>
          <a:xfrm>
            <a:off x="3719339" y="41652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3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4606561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4" name="Picture Placeholder 6"/>
          <p:cNvSpPr>
            <a:spLocks noGrp="1"/>
          </p:cNvSpPr>
          <p:nvPr>
            <p:ph type="pic" sz="quarter" idx="129" hasCustomPrompt="1"/>
          </p:nvPr>
        </p:nvSpPr>
        <p:spPr>
          <a:xfrm>
            <a:off x="5283952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5" name="Picture Placeholder 6"/>
          <p:cNvSpPr>
            <a:spLocks noGrp="1"/>
          </p:cNvSpPr>
          <p:nvPr>
            <p:ph type="pic" sz="quarter" idx="130" hasCustomPrompt="1"/>
          </p:nvPr>
        </p:nvSpPr>
        <p:spPr>
          <a:xfrm>
            <a:off x="4845040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6" name="Picture Placeholder 6"/>
          <p:cNvSpPr>
            <a:spLocks noGrp="1"/>
          </p:cNvSpPr>
          <p:nvPr>
            <p:ph type="pic" sz="quarter" idx="131" hasCustomPrompt="1"/>
          </p:nvPr>
        </p:nvSpPr>
        <p:spPr>
          <a:xfrm>
            <a:off x="5064496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7" name="Picture Placeholder 6"/>
          <p:cNvSpPr>
            <a:spLocks noGrp="1"/>
          </p:cNvSpPr>
          <p:nvPr>
            <p:ph type="pic" sz="quarter" idx="132" hasCustomPrompt="1"/>
          </p:nvPr>
        </p:nvSpPr>
        <p:spPr>
          <a:xfrm>
            <a:off x="5503408" y="41652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8" name="Picture Placeholder 6"/>
          <p:cNvSpPr>
            <a:spLocks noGrp="1"/>
          </p:cNvSpPr>
          <p:nvPr>
            <p:ph type="pic" sz="quarter" idx="133" hasCustomPrompt="1"/>
          </p:nvPr>
        </p:nvSpPr>
        <p:spPr>
          <a:xfrm>
            <a:off x="6395070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9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7072461" y="4163084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60" name="Picture Placeholder 6"/>
          <p:cNvSpPr>
            <a:spLocks noGrp="1"/>
          </p:cNvSpPr>
          <p:nvPr>
            <p:ph type="pic" sz="quarter" idx="135" hasCustomPrompt="1"/>
          </p:nvPr>
        </p:nvSpPr>
        <p:spPr>
          <a:xfrm>
            <a:off x="6633549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61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6853005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62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7291917" y="41631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67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392800" y="1635646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8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1043608" y="1635646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9" name="Picture Placeholder 6"/>
          <p:cNvSpPr>
            <a:spLocks noGrp="1"/>
          </p:cNvSpPr>
          <p:nvPr>
            <p:ph type="pic" sz="quarter" idx="101" hasCustomPrompt="1"/>
          </p:nvPr>
        </p:nvSpPr>
        <p:spPr>
          <a:xfrm>
            <a:off x="2826640" y="1637969"/>
            <a:ext cx="1728192" cy="100811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0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4609148" y="1638207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2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1043608" y="4171926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73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1720999" y="4169783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74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1282087" y="4171926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75" name="Picture Placeholder 6"/>
          <p:cNvSpPr>
            <a:spLocks noGrp="1"/>
          </p:cNvSpPr>
          <p:nvPr>
            <p:ph type="pic" sz="quarter" idx="141" hasCustomPrompt="1"/>
          </p:nvPr>
        </p:nvSpPr>
        <p:spPr>
          <a:xfrm>
            <a:off x="1501543" y="4171926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76" name="Picture Placeholder 6"/>
          <p:cNvSpPr>
            <a:spLocks noGrp="1"/>
          </p:cNvSpPr>
          <p:nvPr>
            <p:ph type="pic" sz="quarter" idx="142" hasCustomPrompt="1"/>
          </p:nvPr>
        </p:nvSpPr>
        <p:spPr>
          <a:xfrm>
            <a:off x="1940455" y="4169826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5</a:t>
            </a:r>
            <a:endParaRPr lang="en-US" dirty="0"/>
          </a:p>
        </p:txBody>
      </p:sp>
      <p:cxnSp>
        <p:nvCxnSpPr>
          <p:cNvPr id="71" name="Straight Connector 70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726558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75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25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5250"/>
                            </p:stCondLst>
                            <p:childTnLst>
                              <p:par>
                                <p:cTn id="39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7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500" fill="hold"/>
                                        <p:tgtEl>
                                          <p:spTgt spid="7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6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6250"/>
                            </p:stCondLst>
                            <p:childTnLst>
                              <p:par>
                                <p:cTn id="7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25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3" fill="hold">
                            <p:stCondLst>
                              <p:cond delay="6500"/>
                            </p:stCondLst>
                            <p:childTnLst>
                              <p:par>
                                <p:cTn id="7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7" dur="500" fill="hold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500" fill="hold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7" fill="hold">
                            <p:stCondLst>
                              <p:cond delay="7500"/>
                            </p:stCondLst>
                            <p:childTnLst>
                              <p:par>
                                <p:cTn id="88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0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1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5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0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1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2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5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6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0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1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5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6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8" fill="hold">
                            <p:stCondLst>
                              <p:cond delay="8500"/>
                            </p:stCondLst>
                            <p:childTnLst>
                              <p:par>
                                <p:cTn id="11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1" dur="25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2" fill="hold">
                            <p:stCondLst>
                              <p:cond delay="8750"/>
                            </p:stCondLst>
                            <p:childTnLst>
                              <p:par>
                                <p:cTn id="12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5" dur="500" fill="hold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6" dur="500" fill="hold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7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0" dur="500" fill="hold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1" dur="500" fill="hold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2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3" fill="hold">
                            <p:stCondLst>
                              <p:cond delay="9250"/>
                            </p:stCondLst>
                            <p:childTnLst>
                              <p:par>
                                <p:cTn id="13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6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7" fill="hold">
                            <p:stCondLst>
                              <p:cond delay="9750"/>
                            </p:stCondLst>
                            <p:childTnLst>
                              <p:par>
                                <p:cTn id="138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0" dur="5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1" dur="5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3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5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6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7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0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1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2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3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5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6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0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1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2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3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5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6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7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8" fill="hold">
                            <p:stCondLst>
                              <p:cond delay="10750"/>
                            </p:stCondLst>
                            <p:childTnLst>
                              <p:par>
                                <p:cTn id="16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1" dur="25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2" fill="hold">
                            <p:stCondLst>
                              <p:cond delay="11000"/>
                            </p:stCondLst>
                            <p:childTnLst>
                              <p:par>
                                <p:cTn id="17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5" dur="500" fill="hold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6" dur="500" fill="hold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77" dur="5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0" dur="500" fill="hold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1" dur="500" fill="hold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2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5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6" fill="hold">
                            <p:stCondLst>
                              <p:cond delay="12000"/>
                            </p:stCondLst>
                            <p:childTnLst>
                              <p:par>
                                <p:cTn id="187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9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0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1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2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4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5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6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7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9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0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1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2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04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5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6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7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09" dur="5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0" dur="5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1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3" grpId="0" animBg="1"/>
      <p:bldP spid="64" grpId="0" animBg="1"/>
      <p:bldP spid="65" grpId="0" animBg="1"/>
      <p:bldP spid="66" grpId="0" animBg="1"/>
      <p:bldP spid="26" grpId="0" build="p">
        <p:tmplLst>
          <p:tmpl lvl="1">
            <p:tnLst>
              <p:par>
                <p:cTn presetID="53" presetClass="entr" presetSubtype="16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26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26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27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27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53" presetClass="entr" presetSubtype="16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0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0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1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1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8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8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9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9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53" presetClass="entr" presetSubtype="16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4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4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5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5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/>
      <p:bldP spid="44" grpId="0"/>
      <p:bldP spid="45" grpId="0"/>
      <p:bldP spid="46" grpId="0"/>
      <p:bldP spid="47" grpId="0"/>
      <p:bldP spid="53" grpId="0"/>
      <p:bldP spid="54" grpId="0"/>
      <p:bldP spid="55" grpId="0"/>
      <p:bldP spid="56" grpId="0"/>
      <p:bldP spid="57" grpId="0"/>
      <p:bldP spid="58" grpId="0"/>
      <p:bldP spid="59" grpId="0"/>
      <p:bldP spid="60" grpId="0"/>
      <p:bldP spid="61" grpId="0"/>
      <p:bldP spid="62" grpId="0"/>
      <p:bldP spid="67" grpId="0" animBg="1"/>
      <p:bldP spid="68" grpId="0" animBg="1"/>
      <p:bldP spid="69" grpId="0" animBg="1"/>
      <p:bldP spid="70" grpId="0" animBg="1"/>
      <p:bldP spid="72" grpId="0"/>
      <p:bldP spid="73" grpId="0"/>
      <p:bldP spid="74" grpId="0"/>
      <p:bldP spid="75" grpId="0"/>
      <p:bldP spid="76" grpId="0"/>
      <p:bldP spid="51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Picture Placeholder 6"/>
          <p:cNvSpPr>
            <a:spLocks noGrp="1"/>
          </p:cNvSpPr>
          <p:nvPr>
            <p:ph type="pic" sz="quarter" idx="210" hasCustomPrompt="1"/>
          </p:nvPr>
        </p:nvSpPr>
        <p:spPr>
          <a:xfrm>
            <a:off x="6012160" y="2115899"/>
            <a:ext cx="864095" cy="7406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6" name="Picture Placeholder 6"/>
          <p:cNvSpPr>
            <a:spLocks noGrp="1"/>
          </p:cNvSpPr>
          <p:nvPr>
            <p:ph type="pic" sz="quarter" idx="211" hasCustomPrompt="1"/>
          </p:nvPr>
        </p:nvSpPr>
        <p:spPr>
          <a:xfrm>
            <a:off x="5796136" y="3690933"/>
            <a:ext cx="864095" cy="7406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2395728" y="1833395"/>
            <a:ext cx="864095" cy="7406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209" hasCustomPrompt="1"/>
          </p:nvPr>
        </p:nvSpPr>
        <p:spPr>
          <a:xfrm>
            <a:off x="2159128" y="3621024"/>
            <a:ext cx="864095" cy="7406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640498" y="915566"/>
            <a:ext cx="547024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627784" y="493776"/>
            <a:ext cx="549583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6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6948264" y="2076836"/>
            <a:ext cx="1584176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201"/>
          </p:nvPr>
        </p:nvSpPr>
        <p:spPr>
          <a:xfrm>
            <a:off x="6732240" y="3639312"/>
            <a:ext cx="1607056" cy="225147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203"/>
          </p:nvPr>
        </p:nvSpPr>
        <p:spPr>
          <a:xfrm>
            <a:off x="683568" y="1779662"/>
            <a:ext cx="1673180" cy="247052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205"/>
          </p:nvPr>
        </p:nvSpPr>
        <p:spPr>
          <a:xfrm>
            <a:off x="467544" y="3579862"/>
            <a:ext cx="1640795" cy="225147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7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948264" y="2220853"/>
            <a:ext cx="174873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8" name="Text Placeholder 30"/>
          <p:cNvSpPr>
            <a:spLocks noGrp="1"/>
          </p:cNvSpPr>
          <p:nvPr>
            <p:ph type="body" sz="quarter" idx="206"/>
          </p:nvPr>
        </p:nvSpPr>
        <p:spPr>
          <a:xfrm>
            <a:off x="683568" y="1935110"/>
            <a:ext cx="166984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207"/>
          </p:nvPr>
        </p:nvSpPr>
        <p:spPr>
          <a:xfrm>
            <a:off x="6711696" y="3794760"/>
            <a:ext cx="174873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208"/>
          </p:nvPr>
        </p:nvSpPr>
        <p:spPr>
          <a:xfrm>
            <a:off x="471164" y="3733002"/>
            <a:ext cx="163321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6164174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9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4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9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7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5" grpId="0" animBg="1"/>
      <p:bldP spid="46" grpId="0" animBg="1"/>
      <p:bldP spid="35" grpId="0" animBg="1"/>
      <p:bldP spid="44" grpId="0" animBg="1"/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63" name="Group 362"/>
          <p:cNvGrpSpPr/>
          <p:nvPr userDrawn="1"/>
        </p:nvGrpSpPr>
        <p:grpSpPr>
          <a:xfrm>
            <a:off x="6462088" y="3913632"/>
            <a:ext cx="1132300" cy="154070"/>
            <a:chOff x="1542367" y="2610272"/>
            <a:chExt cx="1756062" cy="238944"/>
          </a:xfrm>
        </p:grpSpPr>
        <p:sp>
          <p:nvSpPr>
            <p:cNvPr id="364" name="Rounded Rectangle 36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5" name="Rounded Rectangle 36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6" name="Rounded Rectangle 36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7" name="Rounded Rectangle 36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8" name="Rounded Rectangle 36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9" name="Rounded Rectangle 36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0" name="Rounded Rectangle 36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1" name="Rounded Rectangle 37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2" name="Rounded Rectangle 37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3" name="Rounded Rectangle 37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41" name="Group 340"/>
          <p:cNvGrpSpPr/>
          <p:nvPr userDrawn="1"/>
        </p:nvGrpSpPr>
        <p:grpSpPr>
          <a:xfrm>
            <a:off x="6462248" y="3557357"/>
            <a:ext cx="1132300" cy="154070"/>
            <a:chOff x="1542367" y="2610272"/>
            <a:chExt cx="1756062" cy="238944"/>
          </a:xfrm>
        </p:grpSpPr>
        <p:sp>
          <p:nvSpPr>
            <p:cNvPr id="342" name="Rounded Rectangle 34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3" name="Rounded Rectangle 34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4" name="Rounded Rectangle 34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5" name="Rounded Rectangle 34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6" name="Rounded Rectangle 34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7" name="Rounded Rectangle 34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8" name="Rounded Rectangle 34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9" name="Rounded Rectangle 34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0" name="Rounded Rectangle 349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1" name="Rounded Rectangle 350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52" name="Group 351"/>
          <p:cNvGrpSpPr/>
          <p:nvPr userDrawn="1"/>
        </p:nvGrpSpPr>
        <p:grpSpPr>
          <a:xfrm>
            <a:off x="6461045" y="4279392"/>
            <a:ext cx="1132300" cy="154070"/>
            <a:chOff x="1542367" y="2610272"/>
            <a:chExt cx="1756062" cy="238944"/>
          </a:xfrm>
        </p:grpSpPr>
        <p:sp>
          <p:nvSpPr>
            <p:cNvPr id="353" name="Rounded Rectangle 35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4" name="Rounded Rectangle 35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5" name="Rounded Rectangle 35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6" name="Rounded Rectangle 35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7" name="Rounded Rectangle 35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8" name="Rounded Rectangle 35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9" name="Rounded Rectangle 35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0" name="Rounded Rectangle 35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1" name="Rounded Rectangle 36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2" name="Rounded Rectangle 36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08" name="Group 307"/>
          <p:cNvGrpSpPr/>
          <p:nvPr userDrawn="1"/>
        </p:nvGrpSpPr>
        <p:grpSpPr>
          <a:xfrm>
            <a:off x="4661877" y="3559945"/>
            <a:ext cx="1132300" cy="154070"/>
            <a:chOff x="1542367" y="2610272"/>
            <a:chExt cx="1756062" cy="238944"/>
          </a:xfrm>
        </p:grpSpPr>
        <p:sp>
          <p:nvSpPr>
            <p:cNvPr id="309" name="Rounded Rectangle 308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0" name="Rounded Rectangle 309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1" name="Rounded Rectangle 310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2" name="Rounded Rectangle 311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3" name="Rounded Rectangle 312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4" name="Rounded Rectangle 313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5" name="Rounded Rectangle 314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6" name="Rounded Rectangle 315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7" name="Rounded Rectangle 316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8" name="Rounded Rectangle 317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19" name="Group 318"/>
          <p:cNvGrpSpPr/>
          <p:nvPr userDrawn="1"/>
        </p:nvGrpSpPr>
        <p:grpSpPr>
          <a:xfrm>
            <a:off x="4660674" y="4275600"/>
            <a:ext cx="1132300" cy="154070"/>
            <a:chOff x="1542367" y="2610272"/>
            <a:chExt cx="1756062" cy="238944"/>
          </a:xfrm>
        </p:grpSpPr>
        <p:sp>
          <p:nvSpPr>
            <p:cNvPr id="320" name="Rounded Rectangle 319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1" name="Rounded Rectangle 320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2" name="Rounded Rectangle 321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3" name="Rounded Rectangle 322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4" name="Rounded Rectangle 323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5" name="Rounded Rectangle 324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6" name="Rounded Rectangle 325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7" name="Rounded Rectangle 326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8" name="Rounded Rectangle 327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9" name="Rounded Rectangle 328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30" name="Group 329"/>
          <p:cNvGrpSpPr/>
          <p:nvPr userDrawn="1"/>
        </p:nvGrpSpPr>
        <p:grpSpPr>
          <a:xfrm>
            <a:off x="4661717" y="3909186"/>
            <a:ext cx="1132300" cy="154070"/>
            <a:chOff x="1542367" y="2610272"/>
            <a:chExt cx="1756062" cy="238944"/>
          </a:xfrm>
        </p:grpSpPr>
        <p:sp>
          <p:nvSpPr>
            <p:cNvPr id="331" name="Rounded Rectangle 330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2" name="Rounded Rectangle 331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3" name="Rounded Rectangle 332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4" name="Rounded Rectangle 333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5" name="Rounded Rectangle 334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6" name="Rounded Rectangle 335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7" name="Rounded Rectangle 336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8" name="Rounded Rectangle 337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9" name="Rounded Rectangle 338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0" name="Rounded Rectangle 339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33" name="Group 232"/>
          <p:cNvGrpSpPr/>
          <p:nvPr userDrawn="1"/>
        </p:nvGrpSpPr>
        <p:grpSpPr>
          <a:xfrm>
            <a:off x="2873049" y="3558394"/>
            <a:ext cx="1132300" cy="154070"/>
            <a:chOff x="1542367" y="2610272"/>
            <a:chExt cx="1756062" cy="238944"/>
          </a:xfrm>
        </p:grpSpPr>
        <p:sp>
          <p:nvSpPr>
            <p:cNvPr id="234" name="Rounded Rectangle 23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5" name="Rounded Rectangle 23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6" name="Rounded Rectangle 23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7" name="Rounded Rectangle 23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8" name="Rounded Rectangle 23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9" name="Rounded Rectangle 23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0" name="Rounded Rectangle 23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1" name="Rounded Rectangle 24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2" name="Rounded Rectangle 24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3" name="Rounded Rectangle 24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44" name="Group 243"/>
          <p:cNvGrpSpPr/>
          <p:nvPr userDrawn="1"/>
        </p:nvGrpSpPr>
        <p:grpSpPr>
          <a:xfrm>
            <a:off x="2881375" y="4281321"/>
            <a:ext cx="1132300" cy="154070"/>
            <a:chOff x="1542367" y="2610272"/>
            <a:chExt cx="1756062" cy="238944"/>
          </a:xfrm>
        </p:grpSpPr>
        <p:sp>
          <p:nvSpPr>
            <p:cNvPr id="287" name="Rounded Rectangle 286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8" name="Rounded Rectangle 287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9" name="Rounded Rectangle 288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0" name="Rounded Rectangle 289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1" name="Rounded Rectangle 290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2" name="Rounded Rectangle 291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3" name="Rounded Rectangle 292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4" name="Rounded Rectangle 293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5" name="Rounded Rectangle 294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6" name="Rounded Rectangle 295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97" name="Group 296"/>
          <p:cNvGrpSpPr/>
          <p:nvPr userDrawn="1"/>
        </p:nvGrpSpPr>
        <p:grpSpPr>
          <a:xfrm>
            <a:off x="2882418" y="3911203"/>
            <a:ext cx="1132300" cy="154070"/>
            <a:chOff x="1542367" y="2610272"/>
            <a:chExt cx="1756062" cy="238944"/>
          </a:xfrm>
        </p:grpSpPr>
        <p:sp>
          <p:nvSpPr>
            <p:cNvPr id="298" name="Rounded Rectangle 297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9" name="Rounded Rectangle 298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0" name="Rounded Rectangle 299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1" name="Rounded Rectangle 300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2" name="Rounded Rectangle 301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3" name="Rounded Rectangle 302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4" name="Rounded Rectangle 303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5" name="Rounded Rectangle 304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6" name="Rounded Rectangle 305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7" name="Rounded Rectangle 306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11" name="Group 210"/>
          <p:cNvGrpSpPr/>
          <p:nvPr userDrawn="1"/>
        </p:nvGrpSpPr>
        <p:grpSpPr>
          <a:xfrm>
            <a:off x="1108109" y="3555405"/>
            <a:ext cx="1132300" cy="154070"/>
            <a:chOff x="1542367" y="2610272"/>
            <a:chExt cx="1756062" cy="238944"/>
          </a:xfrm>
        </p:grpSpPr>
        <p:sp>
          <p:nvSpPr>
            <p:cNvPr id="212" name="Rounded Rectangle 21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3" name="Rounded Rectangle 21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4" name="Rounded Rectangle 21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5" name="Rounded Rectangle 21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6" name="Rounded Rectangle 21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7" name="Rounded Rectangle 21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8" name="Rounded Rectangle 21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9" name="Rounded Rectangle 21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0" name="Rounded Rectangle 219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1" name="Rounded Rectangle 220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22" name="Group 221"/>
          <p:cNvGrpSpPr/>
          <p:nvPr userDrawn="1"/>
        </p:nvGrpSpPr>
        <p:grpSpPr>
          <a:xfrm>
            <a:off x="1106906" y="4281320"/>
            <a:ext cx="1132300" cy="154070"/>
            <a:chOff x="1542367" y="2610272"/>
            <a:chExt cx="1756062" cy="238944"/>
          </a:xfrm>
        </p:grpSpPr>
        <p:sp>
          <p:nvSpPr>
            <p:cNvPr id="223" name="Rounded Rectangle 22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4" name="Rounded Rectangle 22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5" name="Rounded Rectangle 22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6" name="Rounded Rectangle 22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7" name="Rounded Rectangle 22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8" name="Rounded Rectangle 22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9" name="Rounded Rectangle 22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0" name="Rounded Rectangle 22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1" name="Rounded Rectangle 23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2" name="Rounded Rectangle 23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6" name="Text Placeholder 27"/>
          <p:cNvSpPr>
            <a:spLocks noGrp="1"/>
          </p:cNvSpPr>
          <p:nvPr>
            <p:ph type="body" sz="quarter" idx="103" hasCustomPrompt="1"/>
          </p:nvPr>
        </p:nvSpPr>
        <p:spPr>
          <a:xfrm>
            <a:off x="2753488" y="2743886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2753488" y="300078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07" hasCustomPrompt="1"/>
          </p:nvPr>
        </p:nvSpPr>
        <p:spPr>
          <a:xfrm>
            <a:off x="4535376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08" hasCustomPrompt="1"/>
          </p:nvPr>
        </p:nvSpPr>
        <p:spPr>
          <a:xfrm>
            <a:off x="4535376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971600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971600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111" hasCustomPrompt="1"/>
          </p:nvPr>
        </p:nvSpPr>
        <p:spPr>
          <a:xfrm>
            <a:off x="6319648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6319648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grpSp>
        <p:nvGrpSpPr>
          <p:cNvPr id="59" name="Group 58"/>
          <p:cNvGrpSpPr/>
          <p:nvPr userDrawn="1"/>
        </p:nvGrpSpPr>
        <p:grpSpPr>
          <a:xfrm>
            <a:off x="1107949" y="3911202"/>
            <a:ext cx="1132300" cy="154070"/>
            <a:chOff x="1542367" y="2610272"/>
            <a:chExt cx="1756062" cy="238944"/>
          </a:xfrm>
        </p:grpSpPr>
        <p:sp>
          <p:nvSpPr>
            <p:cNvPr id="60" name="Rounded Rectangle 59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1" name="Rounded Rectangle 60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2" name="Rounded Rectangle 61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Rounded Rectangle 62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4" name="Rounded Rectangle 63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0" name="Rounded Rectangle 6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1" name="Rounded Rectangle 7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2" name="Rounded Rectangle 7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Rounded Rectangle 72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Rounded Rectangle 73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91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1021511" y="3346704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08" name="Text Placeholder 27"/>
          <p:cNvSpPr>
            <a:spLocks noGrp="1"/>
          </p:cNvSpPr>
          <p:nvPr>
            <p:ph type="body" sz="quarter" idx="113" hasCustomPrompt="1"/>
          </p:nvPr>
        </p:nvSpPr>
        <p:spPr>
          <a:xfrm>
            <a:off x="1021511" y="3712464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09" name="Text Placeholder 27"/>
          <p:cNvSpPr>
            <a:spLocks noGrp="1"/>
          </p:cNvSpPr>
          <p:nvPr>
            <p:ph type="body" sz="quarter" idx="33" hasCustomPrompt="1"/>
          </p:nvPr>
        </p:nvSpPr>
        <p:spPr>
          <a:xfrm>
            <a:off x="1021511" y="4083918"/>
            <a:ext cx="1330898" cy="19883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11" name="Picture Placeholder 5"/>
          <p:cNvSpPr>
            <a:spLocks noGrp="1"/>
          </p:cNvSpPr>
          <p:nvPr>
            <p:ph type="pic" sz="quarter" idx="35" hasCustomPrompt="1"/>
          </p:nvPr>
        </p:nvSpPr>
        <p:spPr>
          <a:xfrm>
            <a:off x="2578532" y="3579101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2" name="Picture Placeholder 5"/>
          <p:cNvSpPr>
            <a:spLocks noGrp="1"/>
          </p:cNvSpPr>
          <p:nvPr>
            <p:ph type="pic" sz="quarter" idx="36" hasCustomPrompt="1"/>
          </p:nvPr>
        </p:nvSpPr>
        <p:spPr>
          <a:xfrm>
            <a:off x="2576292" y="3931236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3" name="Picture Placeholder 5"/>
          <p:cNvSpPr>
            <a:spLocks noGrp="1"/>
          </p:cNvSpPr>
          <p:nvPr>
            <p:ph type="pic" sz="quarter" idx="37" hasCustomPrompt="1"/>
          </p:nvPr>
        </p:nvSpPr>
        <p:spPr>
          <a:xfrm>
            <a:off x="2572739" y="4309862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5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2308177" y="350785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6" name="Text Placeholder 27"/>
          <p:cNvSpPr>
            <a:spLocks noGrp="1"/>
          </p:cNvSpPr>
          <p:nvPr>
            <p:ph type="body" sz="quarter" idx="114" hasCustomPrompt="1"/>
          </p:nvPr>
        </p:nvSpPr>
        <p:spPr>
          <a:xfrm>
            <a:off x="2302336" y="3851066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304001" y="423354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41" name="Text Placeholder 27"/>
          <p:cNvSpPr>
            <a:spLocks noGrp="1"/>
          </p:cNvSpPr>
          <p:nvPr>
            <p:ph type="body" sz="quarter" idx="115" hasCustomPrompt="1"/>
          </p:nvPr>
        </p:nvSpPr>
        <p:spPr>
          <a:xfrm>
            <a:off x="2795866" y="3346704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53" name="Text Placeholder 27"/>
          <p:cNvSpPr>
            <a:spLocks noGrp="1"/>
          </p:cNvSpPr>
          <p:nvPr>
            <p:ph type="body" sz="quarter" idx="116" hasCustomPrompt="1"/>
          </p:nvPr>
        </p:nvSpPr>
        <p:spPr>
          <a:xfrm>
            <a:off x="2795866" y="3712464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54" name="Text Placeholder 27"/>
          <p:cNvSpPr>
            <a:spLocks noGrp="1"/>
          </p:cNvSpPr>
          <p:nvPr>
            <p:ph type="body" sz="quarter" idx="117" hasCustomPrompt="1"/>
          </p:nvPr>
        </p:nvSpPr>
        <p:spPr>
          <a:xfrm>
            <a:off x="2795866" y="4083918"/>
            <a:ext cx="1330898" cy="19883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55" name="Picture Placeholder 5"/>
          <p:cNvSpPr>
            <a:spLocks noGrp="1"/>
          </p:cNvSpPr>
          <p:nvPr>
            <p:ph type="pic" sz="quarter" idx="118" hasCustomPrompt="1"/>
          </p:nvPr>
        </p:nvSpPr>
        <p:spPr>
          <a:xfrm>
            <a:off x="4352887" y="3579101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56" name="Picture Placeholder 5"/>
          <p:cNvSpPr>
            <a:spLocks noGrp="1"/>
          </p:cNvSpPr>
          <p:nvPr>
            <p:ph type="pic" sz="quarter" idx="119" hasCustomPrompt="1"/>
          </p:nvPr>
        </p:nvSpPr>
        <p:spPr>
          <a:xfrm>
            <a:off x="4350647" y="3931236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57" name="Picture Placeholder 5"/>
          <p:cNvSpPr>
            <a:spLocks noGrp="1"/>
          </p:cNvSpPr>
          <p:nvPr>
            <p:ph type="pic" sz="quarter" idx="120" hasCustomPrompt="1"/>
          </p:nvPr>
        </p:nvSpPr>
        <p:spPr>
          <a:xfrm>
            <a:off x="4347094" y="4309862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58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4082532" y="350785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59" name="Text Placeholder 27"/>
          <p:cNvSpPr>
            <a:spLocks noGrp="1"/>
          </p:cNvSpPr>
          <p:nvPr>
            <p:ph type="body" sz="quarter" idx="122" hasCustomPrompt="1"/>
          </p:nvPr>
        </p:nvSpPr>
        <p:spPr>
          <a:xfrm>
            <a:off x="4076691" y="3851066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60" name="Text Placeholder 27"/>
          <p:cNvSpPr>
            <a:spLocks noGrp="1"/>
          </p:cNvSpPr>
          <p:nvPr>
            <p:ph type="body" sz="quarter" idx="123" hasCustomPrompt="1"/>
          </p:nvPr>
        </p:nvSpPr>
        <p:spPr>
          <a:xfrm>
            <a:off x="4078356" y="423354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83" name="Text Placeholder 27"/>
          <p:cNvSpPr>
            <a:spLocks noGrp="1"/>
          </p:cNvSpPr>
          <p:nvPr>
            <p:ph type="body" sz="quarter" idx="124" hasCustomPrompt="1"/>
          </p:nvPr>
        </p:nvSpPr>
        <p:spPr>
          <a:xfrm>
            <a:off x="4576607" y="3346704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95" name="Text Placeholder 27"/>
          <p:cNvSpPr>
            <a:spLocks noGrp="1"/>
          </p:cNvSpPr>
          <p:nvPr>
            <p:ph type="body" sz="quarter" idx="125" hasCustomPrompt="1"/>
          </p:nvPr>
        </p:nvSpPr>
        <p:spPr>
          <a:xfrm>
            <a:off x="4576607" y="3712464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96" name="Text Placeholder 27"/>
          <p:cNvSpPr>
            <a:spLocks noGrp="1"/>
          </p:cNvSpPr>
          <p:nvPr>
            <p:ph type="body" sz="quarter" idx="126" hasCustomPrompt="1"/>
          </p:nvPr>
        </p:nvSpPr>
        <p:spPr>
          <a:xfrm>
            <a:off x="4576607" y="4083918"/>
            <a:ext cx="1330898" cy="19883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97" name="Picture Placeholder 5"/>
          <p:cNvSpPr>
            <a:spLocks noGrp="1"/>
          </p:cNvSpPr>
          <p:nvPr>
            <p:ph type="pic" sz="quarter" idx="127" hasCustomPrompt="1"/>
          </p:nvPr>
        </p:nvSpPr>
        <p:spPr>
          <a:xfrm>
            <a:off x="6133628" y="3579101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98" name="Picture Placeholder 5"/>
          <p:cNvSpPr>
            <a:spLocks noGrp="1"/>
          </p:cNvSpPr>
          <p:nvPr>
            <p:ph type="pic" sz="quarter" idx="128" hasCustomPrompt="1"/>
          </p:nvPr>
        </p:nvSpPr>
        <p:spPr>
          <a:xfrm>
            <a:off x="6131388" y="3931236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99" name="Picture Placeholder 5"/>
          <p:cNvSpPr>
            <a:spLocks noGrp="1"/>
          </p:cNvSpPr>
          <p:nvPr>
            <p:ph type="pic" sz="quarter" idx="129" hasCustomPrompt="1"/>
          </p:nvPr>
        </p:nvSpPr>
        <p:spPr>
          <a:xfrm>
            <a:off x="6127835" y="4309862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00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5863273" y="350785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01" name="Text Placeholder 27"/>
          <p:cNvSpPr>
            <a:spLocks noGrp="1"/>
          </p:cNvSpPr>
          <p:nvPr>
            <p:ph type="body" sz="quarter" idx="131" hasCustomPrompt="1"/>
          </p:nvPr>
        </p:nvSpPr>
        <p:spPr>
          <a:xfrm>
            <a:off x="5857432" y="3851066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02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5859097" y="423354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67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6372435" y="3346704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79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6371572" y="3712464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80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6371572" y="4083918"/>
            <a:ext cx="1330898" cy="19883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81" name="Picture Placeholder 5"/>
          <p:cNvSpPr>
            <a:spLocks noGrp="1"/>
          </p:cNvSpPr>
          <p:nvPr>
            <p:ph type="pic" sz="quarter" idx="136" hasCustomPrompt="1"/>
          </p:nvPr>
        </p:nvSpPr>
        <p:spPr>
          <a:xfrm>
            <a:off x="7929456" y="3579101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82" name="Picture Placeholder 5"/>
          <p:cNvSpPr>
            <a:spLocks noGrp="1"/>
          </p:cNvSpPr>
          <p:nvPr>
            <p:ph type="pic" sz="quarter" idx="137" hasCustomPrompt="1"/>
          </p:nvPr>
        </p:nvSpPr>
        <p:spPr>
          <a:xfrm>
            <a:off x="7927216" y="3931236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83" name="Picture Placeholder 5"/>
          <p:cNvSpPr>
            <a:spLocks noGrp="1"/>
          </p:cNvSpPr>
          <p:nvPr>
            <p:ph type="pic" sz="quarter" idx="138" hasCustomPrompt="1"/>
          </p:nvPr>
        </p:nvSpPr>
        <p:spPr>
          <a:xfrm>
            <a:off x="7923663" y="4309862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84" name="Text Placeholder 27"/>
          <p:cNvSpPr>
            <a:spLocks noGrp="1"/>
          </p:cNvSpPr>
          <p:nvPr>
            <p:ph type="body" sz="quarter" idx="139" hasCustomPrompt="1"/>
          </p:nvPr>
        </p:nvSpPr>
        <p:spPr>
          <a:xfrm>
            <a:off x="7659101" y="350785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85" name="Text Placeholder 27"/>
          <p:cNvSpPr>
            <a:spLocks noGrp="1"/>
          </p:cNvSpPr>
          <p:nvPr>
            <p:ph type="body" sz="quarter" idx="140" hasCustomPrompt="1"/>
          </p:nvPr>
        </p:nvSpPr>
        <p:spPr>
          <a:xfrm>
            <a:off x="7653260" y="3851066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86" name="Text Placeholder 27"/>
          <p:cNvSpPr>
            <a:spLocks noGrp="1"/>
          </p:cNvSpPr>
          <p:nvPr>
            <p:ph type="body" sz="quarter" idx="141" hasCustomPrompt="1"/>
          </p:nvPr>
        </p:nvSpPr>
        <p:spPr>
          <a:xfrm>
            <a:off x="7654925" y="423354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03" name="Rectangle 202"/>
          <p:cNvSpPr/>
          <p:nvPr userDrawn="1"/>
        </p:nvSpPr>
        <p:spPr>
          <a:xfrm flipV="1">
            <a:off x="6391656" y="2331720"/>
            <a:ext cx="1728216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4" name="Rectangle 203"/>
          <p:cNvSpPr/>
          <p:nvPr userDrawn="1"/>
        </p:nvSpPr>
        <p:spPr>
          <a:xfrm flipV="1">
            <a:off x="4608028" y="2331720"/>
            <a:ext cx="1727548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5" name="Rectangle 204"/>
          <p:cNvSpPr/>
          <p:nvPr userDrawn="1"/>
        </p:nvSpPr>
        <p:spPr>
          <a:xfrm flipV="1">
            <a:off x="2827260" y="2331720"/>
            <a:ext cx="1726952" cy="352719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6" name="Rectangle 205"/>
          <p:cNvSpPr/>
          <p:nvPr userDrawn="1"/>
        </p:nvSpPr>
        <p:spPr>
          <a:xfrm flipV="1">
            <a:off x="1043608" y="2331720"/>
            <a:ext cx="1728192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7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392800" y="1635646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8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1043608" y="1635646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9" name="Picture Placeholder 6"/>
          <p:cNvSpPr>
            <a:spLocks noGrp="1"/>
          </p:cNvSpPr>
          <p:nvPr>
            <p:ph type="pic" sz="quarter" idx="101" hasCustomPrompt="1"/>
          </p:nvPr>
        </p:nvSpPr>
        <p:spPr>
          <a:xfrm>
            <a:off x="2826640" y="1637969"/>
            <a:ext cx="1728192" cy="100811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10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4609148" y="1638207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2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3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7</a:t>
            </a:r>
            <a:endParaRPr lang="en-US" dirty="0"/>
          </a:p>
        </p:txBody>
      </p:sp>
      <p:cxnSp>
        <p:nvCxnSpPr>
          <p:cNvPr id="194" name="Straight Connector 193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016874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1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1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50"/>
                                        <p:tgtEl>
                                          <p:spTgt spid="2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0"/>
                            </p:stCondLst>
                            <p:childTnLst>
                              <p:par>
                                <p:cTn id="31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0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1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57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2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6250"/>
                            </p:stCondLst>
                            <p:childTnLst>
                              <p:par>
                                <p:cTn id="7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250"/>
                                        <p:tgtEl>
                                          <p:spTgt spid="2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6500"/>
                            </p:stCondLst>
                            <p:childTnLst>
                              <p:par>
                                <p:cTn id="7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7000"/>
                            </p:stCondLst>
                            <p:childTnLst>
                              <p:par>
                                <p:cTn id="83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2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2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2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1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1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1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1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1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1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1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8" dur="500"/>
                                        <p:tgtEl>
                                          <p:spTgt spid="1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9" fill="hold">
                            <p:stCondLst>
                              <p:cond delay="7750"/>
                            </p:stCondLst>
                            <p:childTnLst>
                              <p:par>
                                <p:cTn id="1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2" dur="500"/>
                                        <p:tgtEl>
                                          <p:spTgt spid="2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3" fill="hold">
                            <p:stCondLst>
                              <p:cond delay="8250"/>
                            </p:stCondLst>
                            <p:childTnLst>
                              <p:par>
                                <p:cTn id="1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25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7" fill="hold">
                            <p:stCondLst>
                              <p:cond delay="8500"/>
                            </p:stCondLst>
                            <p:childTnLst>
                              <p:par>
                                <p:cTn id="12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0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3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4" fill="hold">
                            <p:stCondLst>
                              <p:cond delay="9000"/>
                            </p:stCondLst>
                            <p:childTnLst>
                              <p:par>
                                <p:cTn id="135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7" dur="500"/>
                                        <p:tgtEl>
                                          <p:spTgt spid="3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8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0" dur="500"/>
                                        <p:tgtEl>
                                          <p:spTgt spid="3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1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3" dur="500"/>
                                        <p:tgtEl>
                                          <p:spTgt spid="3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6" dur="500"/>
                                        <p:tgtEl>
                                          <p:spTgt spid="1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9" dur="500"/>
                                        <p:tgtEl>
                                          <p:spTgt spid="19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2" dur="500"/>
                                        <p:tgtEl>
                                          <p:spTgt spid="19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5" dur="500"/>
                                        <p:tgtEl>
                                          <p:spTgt spid="1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8" dur="50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1" dur="500"/>
                                        <p:tgtEl>
                                          <p:spTgt spid="1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4" dur="500"/>
                                        <p:tgtEl>
                                          <p:spTgt spid="20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7" dur="500"/>
                                        <p:tgtEl>
                                          <p:spTgt spid="20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0" dur="500"/>
                                        <p:tgtEl>
                                          <p:spTgt spid="20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3" dur="500"/>
                                        <p:tgtEl>
                                          <p:spTgt spid="2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4" fill="hold">
                            <p:stCondLst>
                              <p:cond delay="9750"/>
                            </p:stCondLst>
                            <p:childTnLst>
                              <p:par>
                                <p:cTn id="17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7" dur="25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8" fill="hold">
                            <p:stCondLst>
                              <p:cond delay="10000"/>
                            </p:stCondLst>
                            <p:childTnLst>
                              <p:par>
                                <p:cTn id="17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1" dur="5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4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5" fill="hold">
                            <p:stCondLst>
                              <p:cond delay="10500"/>
                            </p:stCondLst>
                            <p:childTnLst>
                              <p:par>
                                <p:cTn id="186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8" dur="500"/>
                                        <p:tgtEl>
                                          <p:spTgt spid="3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1" dur="500"/>
                                        <p:tgtEl>
                                          <p:spTgt spid="3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4" dur="500"/>
                                        <p:tgtEl>
                                          <p:spTgt spid="3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7" dur="500"/>
                                        <p:tgtEl>
                                          <p:spTgt spid="26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0" dur="500"/>
                                        <p:tgtEl>
                                          <p:spTgt spid="27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3" dur="500"/>
                                        <p:tgtEl>
                                          <p:spTgt spid="2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6" dur="500"/>
                                        <p:tgtEl>
                                          <p:spTgt spid="2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9" dur="500"/>
                                        <p:tgtEl>
                                          <p:spTgt spid="2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2" dur="500"/>
                                        <p:tgtEl>
                                          <p:spTgt spid="2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5" dur="500"/>
                                        <p:tgtEl>
                                          <p:spTgt spid="28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8" dur="500"/>
                                        <p:tgtEl>
                                          <p:spTgt spid="28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1" dur="500"/>
                                        <p:tgtEl>
                                          <p:spTgt spid="28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1" grpId="0"/>
      <p:bldP spid="112" grpId="0"/>
      <p:bldP spid="113" grpId="0"/>
      <p:bldP spid="11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5" grpId="0"/>
      <p:bldP spid="156" grpId="0"/>
      <p:bldP spid="157" grpId="0"/>
      <p:bldP spid="15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7" grpId="0"/>
      <p:bldP spid="198" grpId="0"/>
      <p:bldP spid="199" grpId="0"/>
      <p:bldP spid="20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1" grpId="0"/>
      <p:bldP spid="282" grpId="0"/>
      <p:bldP spid="283" grpId="0"/>
      <p:bldP spid="28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3" grpId="0" animBg="1"/>
      <p:bldP spid="204" grpId="0" animBg="1"/>
      <p:bldP spid="205" grpId="0" animBg="1"/>
      <p:bldP spid="206" grpId="0" animBg="1"/>
      <p:bldP spid="207" grpId="0" animBg="1"/>
      <p:bldP spid="208" grpId="0" animBg="1"/>
      <p:bldP spid="209" grpId="0" animBg="1"/>
      <p:bldP spid="210" grpId="0" animBg="1"/>
      <p:bldP spid="192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9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9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4" name="Group 163"/>
          <p:cNvGrpSpPr/>
          <p:nvPr userDrawn="1"/>
        </p:nvGrpSpPr>
        <p:grpSpPr>
          <a:xfrm>
            <a:off x="889303" y="2383287"/>
            <a:ext cx="1241194" cy="168887"/>
            <a:chOff x="1542367" y="2610272"/>
            <a:chExt cx="1756062" cy="238944"/>
          </a:xfrm>
        </p:grpSpPr>
        <p:sp>
          <p:nvSpPr>
            <p:cNvPr id="165" name="Rounded Rectangle 164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6" name="Rounded Rectangle 165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7" name="Rounded Rectangle 166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8" name="Rounded Rectangle 167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9" name="Rounded Rectangle 168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0" name="Rounded Rectangle 16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1" name="Rounded Rectangle 17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2" name="Rounded Rectangle 17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3" name="Rounded Rectangle 172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4" name="Rounded Rectangle 173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53" name="Group 152"/>
          <p:cNvGrpSpPr/>
          <p:nvPr userDrawn="1"/>
        </p:nvGrpSpPr>
        <p:grpSpPr>
          <a:xfrm>
            <a:off x="890070" y="2739287"/>
            <a:ext cx="1241194" cy="168887"/>
            <a:chOff x="1542367" y="2610272"/>
            <a:chExt cx="1756062" cy="238944"/>
          </a:xfrm>
        </p:grpSpPr>
        <p:sp>
          <p:nvSpPr>
            <p:cNvPr id="154" name="Rounded Rectangle 15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5" name="Rounded Rectangle 15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6" name="Rounded Rectangle 15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7" name="Rounded Rectangle 15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8" name="Rounded Rectangle 15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9" name="Rounded Rectangle 15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0" name="Rounded Rectangle 15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1" name="Rounded Rectangle 16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2" name="Rounded Rectangle 16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3" name="Rounded Rectangle 16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20" name="Group 119"/>
          <p:cNvGrpSpPr/>
          <p:nvPr userDrawn="1"/>
        </p:nvGrpSpPr>
        <p:grpSpPr>
          <a:xfrm>
            <a:off x="2943885" y="2738546"/>
            <a:ext cx="1241194" cy="168887"/>
            <a:chOff x="1542367" y="2610272"/>
            <a:chExt cx="1756062" cy="238944"/>
          </a:xfrm>
        </p:grpSpPr>
        <p:sp>
          <p:nvSpPr>
            <p:cNvPr id="121" name="Rounded Rectangle 120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2" name="Rounded Rectangle 121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3" name="Rounded Rectangle 122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4" name="Rounded Rectangle 123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5" name="Rounded Rectangle 124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6" name="Rounded Rectangle 125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7" name="Rounded Rectangle 126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8" name="Rounded Rectangle 127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9" name="Rounded Rectangle 128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0" name="Rounded Rectangle 129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42" name="Group 141"/>
          <p:cNvGrpSpPr/>
          <p:nvPr userDrawn="1"/>
        </p:nvGrpSpPr>
        <p:grpSpPr>
          <a:xfrm>
            <a:off x="2943118" y="2382546"/>
            <a:ext cx="1241194" cy="168887"/>
            <a:chOff x="1542367" y="2610272"/>
            <a:chExt cx="1756062" cy="238944"/>
          </a:xfrm>
        </p:grpSpPr>
        <p:sp>
          <p:nvSpPr>
            <p:cNvPr id="143" name="Rounded Rectangle 14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4" name="Rounded Rectangle 14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5" name="Rounded Rectangle 14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6" name="Rounded Rectangle 14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7" name="Rounded Rectangle 14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8" name="Rounded Rectangle 14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9" name="Rounded Rectangle 14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0" name="Rounded Rectangle 14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1" name="Rounded Rectangle 15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2" name="Rounded Rectangle 15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1" name="Rectangle 20"/>
          <p:cNvSpPr/>
          <p:nvPr userDrawn="1"/>
        </p:nvSpPr>
        <p:spPr>
          <a:xfrm flipV="1">
            <a:off x="6660232" y="1536522"/>
            <a:ext cx="1800200" cy="25694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2880" rIns="182880" rtlCol="0" anchor="ctr"/>
          <a:lstStyle/>
          <a:p>
            <a:pPr algn="ctr"/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174082" y="1622265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174082" y="1879162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91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800366" y="2176471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08" name="Text Placeholder 27"/>
          <p:cNvSpPr>
            <a:spLocks noGrp="1"/>
          </p:cNvSpPr>
          <p:nvPr>
            <p:ph type="body" sz="quarter" idx="113" hasCustomPrompt="1"/>
          </p:nvPr>
        </p:nvSpPr>
        <p:spPr>
          <a:xfrm>
            <a:off x="800366" y="2542231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11" name="Picture Placeholder 5"/>
          <p:cNvSpPr>
            <a:spLocks noGrp="1"/>
          </p:cNvSpPr>
          <p:nvPr>
            <p:ph type="pic" sz="quarter" idx="35" hasCustomPrompt="1"/>
          </p:nvPr>
        </p:nvSpPr>
        <p:spPr>
          <a:xfrm>
            <a:off x="2464183" y="2408868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2" name="Picture Placeholder 5"/>
          <p:cNvSpPr>
            <a:spLocks noGrp="1"/>
          </p:cNvSpPr>
          <p:nvPr>
            <p:ph type="pic" sz="quarter" idx="36" hasCustomPrompt="1"/>
          </p:nvPr>
        </p:nvSpPr>
        <p:spPr>
          <a:xfrm>
            <a:off x="2461943" y="2761003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5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2188035" y="2337621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6" name="Text Placeholder 27"/>
          <p:cNvSpPr>
            <a:spLocks noGrp="1"/>
          </p:cNvSpPr>
          <p:nvPr>
            <p:ph type="body" sz="quarter" idx="114" hasCustomPrompt="1"/>
          </p:nvPr>
        </p:nvSpPr>
        <p:spPr>
          <a:xfrm>
            <a:off x="2182194" y="2680833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pic>
        <p:nvPicPr>
          <p:cNvPr id="203" name="Picture 20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5784" y="987574"/>
            <a:ext cx="1772138" cy="3650245"/>
          </a:xfrm>
          <a:prstGeom prst="rect">
            <a:avLst/>
          </a:prstGeom>
          <a:ln>
            <a:noFill/>
          </a:ln>
          <a:effectLst>
            <a:outerShdw blurRad="317500" dist="88900" dir="3600000" sx="90000" sy="90000" algn="tl" rotWithShape="0">
              <a:srgbClr val="333333">
                <a:alpha val="20000"/>
              </a:srgbClr>
            </a:outerShdw>
          </a:effectLst>
        </p:spPr>
      </p:pic>
      <p:sp>
        <p:nvSpPr>
          <p:cNvPr id="5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5133332" y="1545027"/>
            <a:ext cx="1444752" cy="25694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4" name="Text Placeholder 30"/>
          <p:cNvSpPr>
            <a:spLocks noGrp="1"/>
          </p:cNvSpPr>
          <p:nvPr>
            <p:ph type="body" sz="quarter" idx="106"/>
          </p:nvPr>
        </p:nvSpPr>
        <p:spPr>
          <a:xfrm>
            <a:off x="6727105" y="1553844"/>
            <a:ext cx="1733327" cy="2560647"/>
          </a:xfrm>
          <a:prstGeom prst="rect">
            <a:avLst/>
          </a:prstGeom>
        </p:spPr>
        <p:txBody>
          <a:bodyPr lIns="182880" tIns="18288" rIns="182880" bIns="0" anchor="ctr"/>
          <a:lstStyle>
            <a:lvl1pPr marL="0" indent="0" algn="l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6" name="Text Placeholder 27"/>
          <p:cNvSpPr>
            <a:spLocks noGrp="1"/>
          </p:cNvSpPr>
          <p:nvPr>
            <p:ph type="body" sz="quarter" idx="115" hasCustomPrompt="1"/>
          </p:nvPr>
        </p:nvSpPr>
        <p:spPr>
          <a:xfrm>
            <a:off x="2853413" y="2176471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28" name="Text Placeholder 27"/>
          <p:cNvSpPr>
            <a:spLocks noGrp="1"/>
          </p:cNvSpPr>
          <p:nvPr>
            <p:ph type="body" sz="quarter" idx="116" hasCustomPrompt="1"/>
          </p:nvPr>
        </p:nvSpPr>
        <p:spPr>
          <a:xfrm>
            <a:off x="2853413" y="2542231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29" name="Picture Placeholder 5"/>
          <p:cNvSpPr>
            <a:spLocks noGrp="1"/>
          </p:cNvSpPr>
          <p:nvPr>
            <p:ph type="pic" sz="quarter" idx="117" hasCustomPrompt="1"/>
          </p:nvPr>
        </p:nvSpPr>
        <p:spPr>
          <a:xfrm>
            <a:off x="4517230" y="2408868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              </a:t>
            </a:r>
            <a:endParaRPr lang="en-US" dirty="0"/>
          </a:p>
        </p:txBody>
      </p:sp>
      <p:sp>
        <p:nvSpPr>
          <p:cNvPr id="230" name="Picture Placeholder 5"/>
          <p:cNvSpPr>
            <a:spLocks noGrp="1"/>
          </p:cNvSpPr>
          <p:nvPr>
            <p:ph type="pic" sz="quarter" idx="118" hasCustomPrompt="1"/>
          </p:nvPr>
        </p:nvSpPr>
        <p:spPr>
          <a:xfrm>
            <a:off x="4514990" y="2761003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31" name="Text Placeholder 27"/>
          <p:cNvSpPr>
            <a:spLocks noGrp="1"/>
          </p:cNvSpPr>
          <p:nvPr>
            <p:ph type="body" sz="quarter" idx="119" hasCustomPrompt="1"/>
          </p:nvPr>
        </p:nvSpPr>
        <p:spPr>
          <a:xfrm>
            <a:off x="4241082" y="2337621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32" name="Text Placeholder 27"/>
          <p:cNvSpPr>
            <a:spLocks noGrp="1"/>
          </p:cNvSpPr>
          <p:nvPr>
            <p:ph type="body" sz="quarter" idx="120" hasCustomPrompt="1"/>
          </p:nvPr>
        </p:nvSpPr>
        <p:spPr>
          <a:xfrm>
            <a:off x="4235241" y="2680833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33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793946" y="3153375"/>
            <a:ext cx="1722351" cy="222045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3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xperience</a:t>
            </a:r>
            <a:endParaRPr lang="en-US" dirty="0"/>
          </a:p>
        </p:txBody>
      </p:sp>
      <p:sp>
        <p:nvSpPr>
          <p:cNvPr id="235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793946" y="3570674"/>
            <a:ext cx="3849698" cy="36576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1" name="Text Placeholder 27"/>
          <p:cNvSpPr>
            <a:spLocks noGrp="1"/>
          </p:cNvSpPr>
          <p:nvPr>
            <p:ph type="body" sz="quarter" idx="126" hasCustomPrompt="1"/>
          </p:nvPr>
        </p:nvSpPr>
        <p:spPr>
          <a:xfrm>
            <a:off x="800366" y="3385816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sp>
        <p:nvSpPr>
          <p:cNvPr id="243" name="Text Placeholder 30"/>
          <p:cNvSpPr>
            <a:spLocks noGrp="1"/>
          </p:cNvSpPr>
          <p:nvPr>
            <p:ph type="body" sz="quarter" idx="127"/>
          </p:nvPr>
        </p:nvSpPr>
        <p:spPr>
          <a:xfrm>
            <a:off x="793946" y="4102791"/>
            <a:ext cx="3849698" cy="36576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4" name="Text Placeholder 27"/>
          <p:cNvSpPr>
            <a:spLocks noGrp="1"/>
          </p:cNvSpPr>
          <p:nvPr>
            <p:ph type="body" sz="quarter" idx="128" hasCustomPrompt="1"/>
          </p:nvPr>
        </p:nvSpPr>
        <p:spPr>
          <a:xfrm>
            <a:off x="800366" y="3922809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3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880327" y="1705889"/>
            <a:ext cx="240441" cy="393766"/>
          </a:xfrm>
          <a:prstGeom prst="rect">
            <a:avLst/>
          </a:prstGeom>
        </p:spPr>
      </p:pic>
      <p:sp>
        <p:nvSpPr>
          <p:cNvPr id="76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77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MEMBER 01</a:t>
            </a:r>
            <a:endParaRPr lang="en-US" dirty="0"/>
          </a:p>
        </p:txBody>
      </p:sp>
      <p:cxnSp>
        <p:nvCxnSpPr>
          <p:cNvPr id="78" name="Straight Connector 77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304446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7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750"/>
                            </p:stCondLst>
                            <p:childTnLst>
                              <p:par>
                                <p:cTn id="24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6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750"/>
                            </p:stCondLst>
                            <p:childTnLst>
                              <p:par>
                                <p:cTn id="31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2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675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250"/>
                            </p:stCondLst>
                            <p:childTnLst>
                              <p:par>
                                <p:cTn id="43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1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1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2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2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2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2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1" grpId="0"/>
      <p:bldP spid="112" grpId="0"/>
      <p:bldP spid="11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204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0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9" grpId="0"/>
      <p:bldP spid="230" grpId="0"/>
      <p:bldP spid="23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6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7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7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6" name="Group 75"/>
          <p:cNvGrpSpPr/>
          <p:nvPr userDrawn="1"/>
        </p:nvGrpSpPr>
        <p:grpSpPr>
          <a:xfrm>
            <a:off x="4943650" y="2001928"/>
            <a:ext cx="1241194" cy="168887"/>
            <a:chOff x="1542367" y="2610272"/>
            <a:chExt cx="1756062" cy="238944"/>
          </a:xfrm>
        </p:grpSpPr>
        <p:sp>
          <p:nvSpPr>
            <p:cNvPr id="77" name="Rounded Rectangle 76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Rounded Rectangle 77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Rounded Rectangle 78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0" name="Rounded Rectangle 79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1" name="Rounded Rectangle 80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2" name="Rounded Rectangle 81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3" name="Rounded Rectangle 82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4" name="Rounded Rectangle 83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5" name="Rounded Rectangle 84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6" name="Rounded Rectangle 85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87" name="Group 86"/>
          <p:cNvGrpSpPr/>
          <p:nvPr userDrawn="1"/>
        </p:nvGrpSpPr>
        <p:grpSpPr>
          <a:xfrm>
            <a:off x="4944417" y="2357928"/>
            <a:ext cx="1241194" cy="168887"/>
            <a:chOff x="1542367" y="2610272"/>
            <a:chExt cx="1756062" cy="238944"/>
          </a:xfrm>
        </p:grpSpPr>
        <p:sp>
          <p:nvSpPr>
            <p:cNvPr id="88" name="Rounded Rectangle 87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9" name="Rounded Rectangle 88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0" name="Rounded Rectangle 89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Rounded Rectangle 97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9" name="Rounded Rectangle 98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0" name="Rounded Rectangle 9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1" name="Rounded Rectangle 10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2" name="Rounded Rectangle 10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9" name="Rounded Rectangle 108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0" name="Rounded Rectangle 109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13" name="Group 112"/>
          <p:cNvGrpSpPr/>
          <p:nvPr userDrawn="1"/>
        </p:nvGrpSpPr>
        <p:grpSpPr>
          <a:xfrm>
            <a:off x="6870333" y="2357187"/>
            <a:ext cx="1241194" cy="168887"/>
            <a:chOff x="1542367" y="2610272"/>
            <a:chExt cx="1756062" cy="238944"/>
          </a:xfrm>
        </p:grpSpPr>
        <p:sp>
          <p:nvSpPr>
            <p:cNvPr id="114" name="Rounded Rectangle 11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7" name="Rounded Rectangle 116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8" name="Rounded Rectangle 117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9" name="Rounded Rectangle 118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0" name="Rounded Rectangle 119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1" name="Rounded Rectangle 120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2" name="Rounded Rectangle 121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3" name="Rounded Rectangle 122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4" name="Rounded Rectangle 123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5" name="Rounded Rectangle 124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26" name="Group 125"/>
          <p:cNvGrpSpPr/>
          <p:nvPr userDrawn="1"/>
        </p:nvGrpSpPr>
        <p:grpSpPr>
          <a:xfrm>
            <a:off x="6869566" y="2001187"/>
            <a:ext cx="1241194" cy="168887"/>
            <a:chOff x="1542367" y="2610272"/>
            <a:chExt cx="1756062" cy="238944"/>
          </a:xfrm>
        </p:grpSpPr>
        <p:sp>
          <p:nvSpPr>
            <p:cNvPr id="127" name="Rounded Rectangle 126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8" name="Rounded Rectangle 127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9" name="Rounded Rectangle 128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0" name="Rounded Rectangle 129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1" name="Rounded Rectangle 130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2" name="Rounded Rectangle 131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3" name="Rounded Rectangle 132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4" name="Rounded Rectangle 133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5" name="Rounded Rectangle 134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6" name="Rounded Rectangle 135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75" name="Rectangle 74"/>
          <p:cNvSpPr/>
          <p:nvPr userDrawn="1"/>
        </p:nvSpPr>
        <p:spPr>
          <a:xfrm flipV="1">
            <a:off x="923346" y="3375850"/>
            <a:ext cx="1578835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724804" y="3823309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724804" y="4080206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5" name="Picture Placeholder 6"/>
          <p:cNvSpPr>
            <a:spLocks noGrp="1"/>
          </p:cNvSpPr>
          <p:nvPr userDrawn="1">
            <p:ph type="pic" sz="quarter" idx="99" hasCustomPrompt="1"/>
          </p:nvPr>
        </p:nvSpPr>
        <p:spPr>
          <a:xfrm>
            <a:off x="923346" y="1632247"/>
            <a:ext cx="1578835" cy="204548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4" name="Text Placeholder 30"/>
          <p:cNvSpPr>
            <a:spLocks noGrp="1"/>
          </p:cNvSpPr>
          <p:nvPr userDrawn="1">
            <p:ph type="body" sz="quarter" idx="106"/>
          </p:nvPr>
        </p:nvSpPr>
        <p:spPr>
          <a:xfrm>
            <a:off x="2880384" y="1632247"/>
            <a:ext cx="1733327" cy="2560647"/>
          </a:xfrm>
          <a:prstGeom prst="rect">
            <a:avLst/>
          </a:prstGeom>
          <a:solidFill>
            <a:srgbClr val="73BCB1"/>
          </a:solidFill>
        </p:spPr>
        <p:txBody>
          <a:bodyPr lIns="182880" tIns="18288" rIns="182880" bIns="0" anchor="ctr"/>
          <a:lstStyle>
            <a:lvl1pPr marL="0" indent="0" algn="l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3" name="Text Placeholder 27"/>
          <p:cNvSpPr>
            <a:spLocks noGrp="1"/>
          </p:cNvSpPr>
          <p:nvPr userDrawn="1">
            <p:ph type="body" sz="quarter" idx="121" hasCustomPrompt="1"/>
          </p:nvPr>
        </p:nvSpPr>
        <p:spPr>
          <a:xfrm>
            <a:off x="5103996" y="2775926"/>
            <a:ext cx="1722351" cy="222045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3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WARD</a:t>
            </a:r>
            <a:endParaRPr lang="en-US" dirty="0"/>
          </a:p>
        </p:txBody>
      </p:sp>
      <p:sp>
        <p:nvSpPr>
          <p:cNvPr id="235" name="Text Placeholder 30"/>
          <p:cNvSpPr>
            <a:spLocks noGrp="1"/>
          </p:cNvSpPr>
          <p:nvPr userDrawn="1">
            <p:ph type="body" sz="quarter" idx="123"/>
          </p:nvPr>
        </p:nvSpPr>
        <p:spPr>
          <a:xfrm>
            <a:off x="4853612" y="3193225"/>
            <a:ext cx="3849698" cy="36576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1" name="Text Placeholder 27"/>
          <p:cNvSpPr>
            <a:spLocks noGrp="1"/>
          </p:cNvSpPr>
          <p:nvPr userDrawn="1">
            <p:ph type="body" sz="quarter" idx="126" hasCustomPrompt="1"/>
          </p:nvPr>
        </p:nvSpPr>
        <p:spPr>
          <a:xfrm>
            <a:off x="4860032" y="3008367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sp>
        <p:nvSpPr>
          <p:cNvPr id="243" name="Text Placeholder 30"/>
          <p:cNvSpPr>
            <a:spLocks noGrp="1"/>
          </p:cNvSpPr>
          <p:nvPr userDrawn="1">
            <p:ph type="body" sz="quarter" idx="127"/>
          </p:nvPr>
        </p:nvSpPr>
        <p:spPr>
          <a:xfrm>
            <a:off x="4853612" y="3725342"/>
            <a:ext cx="3849698" cy="36576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4" name="Text Placeholder 27"/>
          <p:cNvSpPr>
            <a:spLocks noGrp="1"/>
          </p:cNvSpPr>
          <p:nvPr userDrawn="1">
            <p:ph type="body" sz="quarter" idx="128" hasCustomPrompt="1"/>
          </p:nvPr>
        </p:nvSpPr>
        <p:spPr>
          <a:xfrm>
            <a:off x="4860032" y="3545360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sp>
        <p:nvSpPr>
          <p:cNvPr id="137" name="Text Placeholder 27"/>
          <p:cNvSpPr>
            <a:spLocks noGrp="1"/>
          </p:cNvSpPr>
          <p:nvPr userDrawn="1">
            <p:ph type="body" sz="quarter" idx="129" hasCustomPrompt="1"/>
          </p:nvPr>
        </p:nvSpPr>
        <p:spPr>
          <a:xfrm>
            <a:off x="4854713" y="1795112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38" name="Text Placeholder 27"/>
          <p:cNvSpPr>
            <a:spLocks noGrp="1"/>
          </p:cNvSpPr>
          <p:nvPr userDrawn="1">
            <p:ph type="body" sz="quarter" idx="130" hasCustomPrompt="1"/>
          </p:nvPr>
        </p:nvSpPr>
        <p:spPr>
          <a:xfrm>
            <a:off x="4854713" y="2160872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39" name="Picture Placeholder 5"/>
          <p:cNvSpPr>
            <a:spLocks noGrp="1"/>
          </p:cNvSpPr>
          <p:nvPr userDrawn="1">
            <p:ph type="pic" sz="quarter" idx="131" hasCustomPrompt="1"/>
          </p:nvPr>
        </p:nvSpPr>
        <p:spPr>
          <a:xfrm>
            <a:off x="6518530" y="2027509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40" name="Picture Placeholder 5"/>
          <p:cNvSpPr>
            <a:spLocks noGrp="1"/>
          </p:cNvSpPr>
          <p:nvPr userDrawn="1">
            <p:ph type="pic" sz="quarter" idx="132" hasCustomPrompt="1"/>
          </p:nvPr>
        </p:nvSpPr>
        <p:spPr>
          <a:xfrm>
            <a:off x="6516290" y="2379644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41" name="Text Placeholder 27"/>
          <p:cNvSpPr>
            <a:spLocks noGrp="1"/>
          </p:cNvSpPr>
          <p:nvPr userDrawn="1">
            <p:ph type="body" sz="quarter" idx="133" hasCustomPrompt="1"/>
          </p:nvPr>
        </p:nvSpPr>
        <p:spPr>
          <a:xfrm>
            <a:off x="6242382" y="195626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42" name="Text Placeholder 27"/>
          <p:cNvSpPr>
            <a:spLocks noGrp="1"/>
          </p:cNvSpPr>
          <p:nvPr userDrawn="1">
            <p:ph type="body" sz="quarter" idx="134" hasCustomPrompt="1"/>
          </p:nvPr>
        </p:nvSpPr>
        <p:spPr>
          <a:xfrm>
            <a:off x="6236541" y="229947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43" name="Text Placeholder 27"/>
          <p:cNvSpPr>
            <a:spLocks noGrp="1"/>
          </p:cNvSpPr>
          <p:nvPr userDrawn="1">
            <p:ph type="body" sz="quarter" idx="135" hasCustomPrompt="1"/>
          </p:nvPr>
        </p:nvSpPr>
        <p:spPr>
          <a:xfrm>
            <a:off x="6779861" y="1795112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44" name="Text Placeholder 27"/>
          <p:cNvSpPr>
            <a:spLocks noGrp="1"/>
          </p:cNvSpPr>
          <p:nvPr userDrawn="1">
            <p:ph type="body" sz="quarter" idx="136" hasCustomPrompt="1"/>
          </p:nvPr>
        </p:nvSpPr>
        <p:spPr>
          <a:xfrm>
            <a:off x="6779861" y="2160872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45" name="Picture Placeholder 5"/>
          <p:cNvSpPr>
            <a:spLocks noGrp="1"/>
          </p:cNvSpPr>
          <p:nvPr userDrawn="1">
            <p:ph type="pic" sz="quarter" idx="137" hasCustomPrompt="1"/>
          </p:nvPr>
        </p:nvSpPr>
        <p:spPr>
          <a:xfrm>
            <a:off x="8443678" y="2027509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              </a:t>
            </a:r>
            <a:endParaRPr lang="en-US" dirty="0"/>
          </a:p>
        </p:txBody>
      </p:sp>
      <p:sp>
        <p:nvSpPr>
          <p:cNvPr id="146" name="Picture Placeholder 5"/>
          <p:cNvSpPr>
            <a:spLocks noGrp="1"/>
          </p:cNvSpPr>
          <p:nvPr userDrawn="1">
            <p:ph type="pic" sz="quarter" idx="138" hasCustomPrompt="1"/>
          </p:nvPr>
        </p:nvSpPr>
        <p:spPr>
          <a:xfrm>
            <a:off x="8441438" y="2379644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47" name="Text Placeholder 27"/>
          <p:cNvSpPr>
            <a:spLocks noGrp="1"/>
          </p:cNvSpPr>
          <p:nvPr userDrawn="1">
            <p:ph type="body" sz="quarter" idx="139" hasCustomPrompt="1"/>
          </p:nvPr>
        </p:nvSpPr>
        <p:spPr>
          <a:xfrm>
            <a:off x="8167530" y="195626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48" name="Text Placeholder 27"/>
          <p:cNvSpPr>
            <a:spLocks noGrp="1"/>
          </p:cNvSpPr>
          <p:nvPr userDrawn="1">
            <p:ph type="body" sz="quarter" idx="140" hasCustomPrompt="1"/>
          </p:nvPr>
        </p:nvSpPr>
        <p:spPr>
          <a:xfrm>
            <a:off x="8161689" y="229947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91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9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MEMBER 02</a:t>
            </a:r>
            <a:endParaRPr lang="en-US" dirty="0"/>
          </a:p>
        </p:txBody>
      </p:sp>
      <p:cxnSp>
        <p:nvCxnSpPr>
          <p:cNvPr id="93" name="Straight Connector 92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10112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5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3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45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5500"/>
                            </p:stCondLst>
                            <p:childTnLst>
                              <p:par>
                                <p:cTn id="3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1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1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1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5" grpId="0" animBg="1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20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9" grpId="0"/>
      <p:bldP spid="140" grpId="0"/>
      <p:bldP spid="14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5" grpId="0"/>
      <p:bldP spid="146" grpId="0"/>
      <p:bldP spid="14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1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9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2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9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2709437" y="3790469"/>
            <a:ext cx="5904656" cy="280381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5" name="Rectangle 74"/>
          <p:cNvSpPr/>
          <p:nvPr userDrawn="1"/>
        </p:nvSpPr>
        <p:spPr>
          <a:xfrm flipV="1">
            <a:off x="923346" y="3375850"/>
            <a:ext cx="1578835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724804" y="3823309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724804" y="4083080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5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923346" y="1632247"/>
            <a:ext cx="1578835" cy="204548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4" name="Text Placeholder 30"/>
          <p:cNvSpPr>
            <a:spLocks noGrp="1"/>
          </p:cNvSpPr>
          <p:nvPr>
            <p:ph type="body" sz="quarter" idx="106"/>
          </p:nvPr>
        </p:nvSpPr>
        <p:spPr>
          <a:xfrm>
            <a:off x="2806092" y="1632247"/>
            <a:ext cx="2462459" cy="1481328"/>
          </a:xfrm>
          <a:prstGeom prst="rect">
            <a:avLst/>
          </a:prstGeom>
          <a:solidFill>
            <a:srgbClr val="73BCB1"/>
          </a:solidFill>
        </p:spPr>
        <p:txBody>
          <a:bodyPr lIns="182880" tIns="18288" rIns="182880" bIns="0" anchor="ctr"/>
          <a:lstStyle>
            <a:lvl1pPr marL="0" indent="0" algn="l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6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2959821" y="3379299"/>
            <a:ext cx="1722351" cy="222045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3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WARD</a:t>
            </a:r>
            <a:endParaRPr lang="en-US" dirty="0"/>
          </a:p>
        </p:txBody>
      </p:sp>
      <p:sp>
        <p:nvSpPr>
          <p:cNvPr id="78" name="Text Placeholder 27"/>
          <p:cNvSpPr>
            <a:spLocks noGrp="1"/>
          </p:cNvSpPr>
          <p:nvPr>
            <p:ph type="body" sz="quarter" idx="126" hasCustomPrompt="1"/>
          </p:nvPr>
        </p:nvSpPr>
        <p:spPr>
          <a:xfrm>
            <a:off x="2715857" y="3611740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pic>
        <p:nvPicPr>
          <p:cNvPr id="81" name="Picture 80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2800382" y="3403146"/>
            <a:ext cx="205929" cy="178594"/>
          </a:xfrm>
          <a:prstGeom prst="rect">
            <a:avLst/>
          </a:prstGeom>
        </p:spPr>
      </p:pic>
      <p:sp>
        <p:nvSpPr>
          <p:cNvPr id="83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5394960" y="1545336"/>
            <a:ext cx="3248466" cy="1906361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83518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MEMBER 03</a:t>
            </a:r>
            <a:endParaRPr lang="en-US" dirty="0"/>
          </a:p>
        </p:txBody>
      </p:sp>
      <p:cxnSp>
        <p:nvCxnSpPr>
          <p:cNvPr id="22" name="Straight Connector 21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Text Placeholder 30"/>
          <p:cNvSpPr>
            <a:spLocks noGrp="1"/>
          </p:cNvSpPr>
          <p:nvPr>
            <p:ph type="body" sz="quarter" idx="127"/>
          </p:nvPr>
        </p:nvSpPr>
        <p:spPr>
          <a:xfrm>
            <a:off x="2709437" y="4118837"/>
            <a:ext cx="5904656" cy="230768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0" name="Text Placeholder 27"/>
          <p:cNvSpPr>
            <a:spLocks noGrp="1"/>
          </p:cNvSpPr>
          <p:nvPr>
            <p:ph type="body" sz="quarter" idx="128" hasCustomPrompt="1"/>
          </p:nvPr>
        </p:nvSpPr>
        <p:spPr>
          <a:xfrm>
            <a:off x="2715857" y="3943615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40466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5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2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25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5750"/>
                            </p:stCondLst>
                            <p:childTnLst>
                              <p:par>
                                <p:cTn id="3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7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50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8250"/>
                            </p:stCondLst>
                            <p:childTnLst>
                              <p:par>
                                <p:cTn id="5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5" grpId="0" animBg="1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20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3" grpId="0" animBg="1"/>
      <p:bldP spid="20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 userDrawn="1"/>
        </p:nvGrpSpPr>
        <p:grpSpPr>
          <a:xfrm>
            <a:off x="959357" y="1568056"/>
            <a:ext cx="1716659" cy="1572619"/>
            <a:chOff x="959357" y="1568056"/>
            <a:chExt cx="1716659" cy="1572619"/>
          </a:xfrm>
          <a:solidFill>
            <a:srgbClr val="73BCB1"/>
          </a:solidFill>
        </p:grpSpPr>
        <p:sp>
          <p:nvSpPr>
            <p:cNvPr id="4" name="Flowchart: Process 3"/>
            <p:cNvSpPr/>
            <p:nvPr userDrawn="1"/>
          </p:nvSpPr>
          <p:spPr>
            <a:xfrm>
              <a:off x="959357" y="1568056"/>
              <a:ext cx="1716659" cy="1478758"/>
            </a:xfrm>
            <a:prstGeom prst="flowChartProcess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Right Triangle 3"/>
            <p:cNvSpPr/>
            <p:nvPr userDrawn="1"/>
          </p:nvSpPr>
          <p:spPr>
            <a:xfrm rot="18504181">
              <a:off x="1094265" y="2670725"/>
              <a:ext cx="410572" cy="529327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3" name="Rectangle 22"/>
          <p:cNvSpPr/>
          <p:nvPr userDrawn="1"/>
        </p:nvSpPr>
        <p:spPr>
          <a:xfrm>
            <a:off x="6668614" y="3556335"/>
            <a:ext cx="1359770" cy="960120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6660236" y="3595182"/>
            <a:ext cx="1368148" cy="365756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4.712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6668614" y="3960938"/>
            <a:ext cx="1359770" cy="159791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CCESS INFO</a:t>
            </a:r>
            <a:endParaRPr lang="en-US" dirty="0"/>
          </a:p>
        </p:txBody>
      </p:sp>
      <p:sp>
        <p:nvSpPr>
          <p:cNvPr id="26" name="Text Placeholder 30"/>
          <p:cNvSpPr>
            <a:spLocks noGrp="1"/>
          </p:cNvSpPr>
          <p:nvPr>
            <p:ph type="body" sz="quarter" idx="134"/>
          </p:nvPr>
        </p:nvSpPr>
        <p:spPr>
          <a:xfrm>
            <a:off x="6660236" y="4123451"/>
            <a:ext cx="1368148" cy="315102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2676016" y="1568056"/>
            <a:ext cx="1578836" cy="14787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6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1113075" y="3319056"/>
            <a:ext cx="1722351" cy="222045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3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WARD</a:t>
            </a:r>
            <a:endParaRPr lang="en-US" dirty="0"/>
          </a:p>
        </p:txBody>
      </p:sp>
      <p:sp>
        <p:nvSpPr>
          <p:cNvPr id="77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868412" y="3730226"/>
            <a:ext cx="3559572" cy="334888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8" name="Text Placeholder 27"/>
          <p:cNvSpPr>
            <a:spLocks noGrp="1"/>
          </p:cNvSpPr>
          <p:nvPr>
            <p:ph type="body" sz="quarter" idx="126" hasCustomPrompt="1"/>
          </p:nvPr>
        </p:nvSpPr>
        <p:spPr>
          <a:xfrm>
            <a:off x="869111" y="3551497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sp>
        <p:nvSpPr>
          <p:cNvPr id="79" name="Text Placeholder 30"/>
          <p:cNvSpPr>
            <a:spLocks noGrp="1"/>
          </p:cNvSpPr>
          <p:nvPr>
            <p:ph type="body" sz="quarter" idx="127"/>
          </p:nvPr>
        </p:nvSpPr>
        <p:spPr>
          <a:xfrm>
            <a:off x="868412" y="4240336"/>
            <a:ext cx="3559572" cy="27563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0" name="Text Placeholder 27"/>
          <p:cNvSpPr>
            <a:spLocks noGrp="1"/>
          </p:cNvSpPr>
          <p:nvPr>
            <p:ph type="body" sz="quarter" idx="128" hasCustomPrompt="1"/>
          </p:nvPr>
        </p:nvSpPr>
        <p:spPr>
          <a:xfrm>
            <a:off x="869111" y="4065114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pic>
        <p:nvPicPr>
          <p:cNvPr id="81" name="Picture 80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953636" y="3342903"/>
            <a:ext cx="205929" cy="178594"/>
          </a:xfrm>
          <a:prstGeom prst="rect">
            <a:avLst/>
          </a:prstGeom>
        </p:spPr>
      </p:pic>
      <p:sp>
        <p:nvSpPr>
          <p:cNvPr id="83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4644008" y="1472000"/>
            <a:ext cx="3672408" cy="1883879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841248" y="2022066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841248" y="2281837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2" name="Rectangle 1"/>
          <p:cNvSpPr/>
          <p:nvPr userDrawn="1"/>
        </p:nvSpPr>
        <p:spPr>
          <a:xfrm>
            <a:off x="5120442" y="3560420"/>
            <a:ext cx="1359770" cy="960120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29" hasCustomPrompt="1"/>
          </p:nvPr>
        </p:nvSpPr>
        <p:spPr>
          <a:xfrm>
            <a:off x="5112064" y="3599267"/>
            <a:ext cx="1368148" cy="365756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.985</a:t>
            </a:r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5120442" y="3965023"/>
            <a:ext cx="1359770" cy="159791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NAGE INFO</a:t>
            </a:r>
            <a:endParaRPr lang="en-US" dirty="0"/>
          </a:p>
        </p:txBody>
      </p:sp>
      <p:sp>
        <p:nvSpPr>
          <p:cNvPr id="22" name="Text Placeholder 30"/>
          <p:cNvSpPr>
            <a:spLocks noGrp="1"/>
          </p:cNvSpPr>
          <p:nvPr>
            <p:ph type="body" sz="quarter" idx="131"/>
          </p:nvPr>
        </p:nvSpPr>
        <p:spPr>
          <a:xfrm>
            <a:off x="5112064" y="4127536"/>
            <a:ext cx="1368148" cy="315102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83518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MEMBER 04</a:t>
            </a:r>
            <a:endParaRPr lang="en-US" dirty="0"/>
          </a:p>
        </p:txBody>
      </p:sp>
      <p:cxnSp>
        <p:nvCxnSpPr>
          <p:cNvPr id="32" name="Straight Connector 31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65621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4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4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4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9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900"/>
                            </p:stCondLst>
                            <p:childTnLst>
                              <p:par>
                                <p:cTn id="30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9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665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15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815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890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7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9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3" grpId="0" animBg="1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2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0" y="0"/>
            <a:ext cx="9144000" cy="51435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92" hasCustomPrompt="1"/>
          </p:nvPr>
        </p:nvSpPr>
        <p:spPr>
          <a:xfrm>
            <a:off x="2339752" y="2571750"/>
            <a:ext cx="4464496" cy="72008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44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LAUNCH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193" hasCustomPrompt="1"/>
          </p:nvPr>
        </p:nvSpPr>
        <p:spPr>
          <a:xfrm>
            <a:off x="2339752" y="3075806"/>
            <a:ext cx="4464496" cy="72008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4000" b="0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REAK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46000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0" y="1360777"/>
            <a:ext cx="9144000" cy="17865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4"/>
          </p:nvPr>
        </p:nvSpPr>
        <p:spPr>
          <a:xfrm>
            <a:off x="611653" y="3291313"/>
            <a:ext cx="2520280" cy="1453840"/>
          </a:xfrm>
          <a:prstGeom prst="rect">
            <a:avLst/>
          </a:prstGeom>
        </p:spPr>
        <p:txBody>
          <a:bodyPr/>
          <a:lstStyle>
            <a:lvl1pPr marL="0" indent="0" algn="thaiDist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3347957" y="3291313"/>
            <a:ext cx="2520280" cy="14538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4932040" y="411510"/>
            <a:ext cx="349535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BOUT US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8513064" y="539496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4932040" y="832104"/>
            <a:ext cx="3495353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6084168" y="3290713"/>
            <a:ext cx="2520280" cy="14538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3" name="Straight Connector 2"/>
          <p:cNvCxnSpPr/>
          <p:nvPr userDrawn="1"/>
        </p:nvCxnSpPr>
        <p:spPr>
          <a:xfrm>
            <a:off x="3203941" y="3401568"/>
            <a:ext cx="0" cy="1243584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 userDrawn="1"/>
        </p:nvCxnSpPr>
        <p:spPr>
          <a:xfrm>
            <a:off x="6012160" y="3401568"/>
            <a:ext cx="0" cy="1243584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243627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85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8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85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6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4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0" y="0"/>
            <a:ext cx="9144000" cy="51435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2699792" y="3176619"/>
            <a:ext cx="1008112" cy="9072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" name="Picture Placeholder 6"/>
          <p:cNvSpPr>
            <a:spLocks noGrp="1"/>
          </p:cNvSpPr>
          <p:nvPr>
            <p:ph type="pic" sz="quarter" idx="203" hasCustomPrompt="1"/>
          </p:nvPr>
        </p:nvSpPr>
        <p:spPr>
          <a:xfrm>
            <a:off x="3995936" y="3176619"/>
            <a:ext cx="1008112" cy="9072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204" hasCustomPrompt="1"/>
          </p:nvPr>
        </p:nvSpPr>
        <p:spPr>
          <a:xfrm>
            <a:off x="5364088" y="3176619"/>
            <a:ext cx="1008112" cy="9072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205" hasCustomPrompt="1"/>
          </p:nvPr>
        </p:nvSpPr>
        <p:spPr>
          <a:xfrm>
            <a:off x="0" y="1275606"/>
            <a:ext cx="9144000" cy="792088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48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REAK TIME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206"/>
          </p:nvPr>
        </p:nvSpPr>
        <p:spPr>
          <a:xfrm>
            <a:off x="0" y="1944216"/>
            <a:ext cx="9144000" cy="339502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1400" b="0" spc="-10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207"/>
          </p:nvPr>
        </p:nvSpPr>
        <p:spPr>
          <a:xfrm>
            <a:off x="15026" y="2283718"/>
            <a:ext cx="9144000" cy="432048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24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372415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9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2500"/>
                            </p:stCondLst>
                            <p:childTnLst>
                              <p:par>
                                <p:cTn id="17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4" grpId="0"/>
      <p:bldP spid="5" grpId="0"/>
      <p:bldP spid="6" grpId="0"/>
    </p:bldLst>
  </p:timing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 flipH="1">
            <a:off x="1763606" y="1142650"/>
            <a:ext cx="3003984" cy="298807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8565"/>
              <a:gd name="connsiteY0" fmla="*/ 570692 h 2979406"/>
              <a:gd name="connsiteX1" fmla="*/ 3000211 w 3008565"/>
              <a:gd name="connsiteY1" fmla="*/ 0 h 2979406"/>
              <a:gd name="connsiteX2" fmla="*/ 3005420 w 3008565"/>
              <a:gd name="connsiteY2" fmla="*/ 2979406 h 2979406"/>
              <a:gd name="connsiteX3" fmla="*/ 12032 w 3008565"/>
              <a:gd name="connsiteY3" fmla="*/ 2413922 h 2979406"/>
              <a:gd name="connsiteX4" fmla="*/ 0 w 3008565"/>
              <a:gd name="connsiteY4" fmla="*/ 570692 h 2979406"/>
              <a:gd name="connsiteX0" fmla="*/ 0 w 3005420"/>
              <a:gd name="connsiteY0" fmla="*/ 570692 h 2979406"/>
              <a:gd name="connsiteX1" fmla="*/ 3000211 w 3005420"/>
              <a:gd name="connsiteY1" fmla="*/ 0 h 2979406"/>
              <a:gd name="connsiteX2" fmla="*/ 3005420 w 3005420"/>
              <a:gd name="connsiteY2" fmla="*/ 2979406 h 2979406"/>
              <a:gd name="connsiteX3" fmla="*/ 12032 w 3005420"/>
              <a:gd name="connsiteY3" fmla="*/ 2413922 h 2979406"/>
              <a:gd name="connsiteX4" fmla="*/ 0 w 3005420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3364 w 3006361"/>
              <a:gd name="connsiteY3" fmla="*/ 2405255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3364 w 3006361"/>
              <a:gd name="connsiteY3" fmla="*/ 2405255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3364 w 3006361"/>
              <a:gd name="connsiteY3" fmla="*/ 2405255 h 2979406"/>
              <a:gd name="connsiteX4" fmla="*/ 0 w 3006361"/>
              <a:gd name="connsiteY4" fmla="*/ 570692 h 2979406"/>
              <a:gd name="connsiteX0" fmla="*/ 0 w 3007546"/>
              <a:gd name="connsiteY0" fmla="*/ 570692 h 2979406"/>
              <a:gd name="connsiteX1" fmla="*/ 3004546 w 3007546"/>
              <a:gd name="connsiteY1" fmla="*/ 0 h 2979406"/>
              <a:gd name="connsiteX2" fmla="*/ 3005420 w 3007546"/>
              <a:gd name="connsiteY2" fmla="*/ 2979406 h 2979406"/>
              <a:gd name="connsiteX3" fmla="*/ 3364 w 3007546"/>
              <a:gd name="connsiteY3" fmla="*/ 2405255 h 2979406"/>
              <a:gd name="connsiteX4" fmla="*/ 0 w 3007546"/>
              <a:gd name="connsiteY4" fmla="*/ 570692 h 2979406"/>
              <a:gd name="connsiteX0" fmla="*/ 0 w 3006107"/>
              <a:gd name="connsiteY0" fmla="*/ 570692 h 2988073"/>
              <a:gd name="connsiteX1" fmla="*/ 3004546 w 3006107"/>
              <a:gd name="connsiteY1" fmla="*/ 0 h 2988073"/>
              <a:gd name="connsiteX2" fmla="*/ 3001087 w 3006107"/>
              <a:gd name="connsiteY2" fmla="*/ 2988073 h 2988073"/>
              <a:gd name="connsiteX3" fmla="*/ 3364 w 3006107"/>
              <a:gd name="connsiteY3" fmla="*/ 2405255 h 2988073"/>
              <a:gd name="connsiteX4" fmla="*/ 0 w 3006107"/>
              <a:gd name="connsiteY4" fmla="*/ 570692 h 2988073"/>
              <a:gd name="connsiteX0" fmla="*/ 0 w 3006107"/>
              <a:gd name="connsiteY0" fmla="*/ 570692 h 2988073"/>
              <a:gd name="connsiteX1" fmla="*/ 3004546 w 3006107"/>
              <a:gd name="connsiteY1" fmla="*/ 0 h 2988073"/>
              <a:gd name="connsiteX2" fmla="*/ 3001087 w 3006107"/>
              <a:gd name="connsiteY2" fmla="*/ 2988073 h 2988073"/>
              <a:gd name="connsiteX3" fmla="*/ 3364 w 3006107"/>
              <a:gd name="connsiteY3" fmla="*/ 2405255 h 2988073"/>
              <a:gd name="connsiteX4" fmla="*/ 0 w 3006107"/>
              <a:gd name="connsiteY4" fmla="*/ 570692 h 2988073"/>
              <a:gd name="connsiteX0" fmla="*/ 0 w 3006107"/>
              <a:gd name="connsiteY0" fmla="*/ 570692 h 2988073"/>
              <a:gd name="connsiteX1" fmla="*/ 3004546 w 3006107"/>
              <a:gd name="connsiteY1" fmla="*/ 0 h 2988073"/>
              <a:gd name="connsiteX2" fmla="*/ 3001087 w 3006107"/>
              <a:gd name="connsiteY2" fmla="*/ 2988073 h 2988073"/>
              <a:gd name="connsiteX3" fmla="*/ 3364 w 3006107"/>
              <a:gd name="connsiteY3" fmla="*/ 2405255 h 2988073"/>
              <a:gd name="connsiteX4" fmla="*/ 0 w 3006107"/>
              <a:gd name="connsiteY4" fmla="*/ 570692 h 2988073"/>
              <a:gd name="connsiteX0" fmla="*/ 0 w 3004546"/>
              <a:gd name="connsiteY0" fmla="*/ 570692 h 2988073"/>
              <a:gd name="connsiteX1" fmla="*/ 3004546 w 3004546"/>
              <a:gd name="connsiteY1" fmla="*/ 0 h 2988073"/>
              <a:gd name="connsiteX2" fmla="*/ 3001087 w 3004546"/>
              <a:gd name="connsiteY2" fmla="*/ 2988073 h 2988073"/>
              <a:gd name="connsiteX3" fmla="*/ 3364 w 3004546"/>
              <a:gd name="connsiteY3" fmla="*/ 2405255 h 2988073"/>
              <a:gd name="connsiteX4" fmla="*/ 0 w 3004546"/>
              <a:gd name="connsiteY4" fmla="*/ 570692 h 29880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4546" h="2988073">
                <a:moveTo>
                  <a:pt x="0" y="570692"/>
                </a:moveTo>
                <a:lnTo>
                  <a:pt x="3004546" y="0"/>
                </a:lnTo>
                <a:cubicBezTo>
                  <a:pt x="2999889" y="2769619"/>
                  <a:pt x="3003901" y="127901"/>
                  <a:pt x="3001087" y="2988073"/>
                </a:cubicBezTo>
                <a:lnTo>
                  <a:pt x="3364" y="2405255"/>
                </a:lnTo>
                <a:cubicBezTo>
                  <a:pt x="2411" y="637004"/>
                  <a:pt x="2228" y="2301455"/>
                  <a:pt x="0" y="570692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5552672" y="1670652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5428983" y="2179853"/>
            <a:ext cx="3384376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>
                <a:latin typeface="TeXGyreHeros" panose="00000500000000000000" pitchFamily="50" charset="0"/>
              </a:rPr>
              <a:t>BUSINESS GROWTH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5434297" y="2761488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5312664" y="2276856"/>
            <a:ext cx="0" cy="4572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5428983" y="2499742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5" hasCustomPrompt="1"/>
          </p:nvPr>
        </p:nvSpPr>
        <p:spPr>
          <a:xfrm flipH="1">
            <a:off x="755574" y="1142650"/>
            <a:ext cx="1008029" cy="2984472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7416"/>
              <a:gd name="connsiteY0" fmla="*/ 0 h 3853868"/>
              <a:gd name="connsiteX1" fmla="*/ 1572723 w 1577416"/>
              <a:gd name="connsiteY1" fmla="*/ 743905 h 3853868"/>
              <a:gd name="connsiteX2" fmla="*/ 1575578 w 1577416"/>
              <a:gd name="connsiteY2" fmla="*/ 3367387 h 3853868"/>
              <a:gd name="connsiteX3" fmla="*/ 14136 w 1577416"/>
              <a:gd name="connsiteY3" fmla="*/ 3853868 h 3853868"/>
              <a:gd name="connsiteX4" fmla="*/ 0 w 1577416"/>
              <a:gd name="connsiteY4" fmla="*/ 0 h 3853868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5972"/>
              <a:gd name="connsiteY0" fmla="*/ 0 h 3846716"/>
              <a:gd name="connsiteX1" fmla="*/ 1572723 w 1575972"/>
              <a:gd name="connsiteY1" fmla="*/ 743905 h 3846716"/>
              <a:gd name="connsiteX2" fmla="*/ 1575578 w 1575972"/>
              <a:gd name="connsiteY2" fmla="*/ 3367387 h 3846716"/>
              <a:gd name="connsiteX3" fmla="*/ 6985 w 1575972"/>
              <a:gd name="connsiteY3" fmla="*/ 3846716 h 3846716"/>
              <a:gd name="connsiteX4" fmla="*/ 0 w 1575972"/>
              <a:gd name="connsiteY4" fmla="*/ 0 h 3846716"/>
              <a:gd name="connsiteX0" fmla="*/ 0 w 1669872"/>
              <a:gd name="connsiteY0" fmla="*/ 0 h 3846716"/>
              <a:gd name="connsiteX1" fmla="*/ 1669872 w 1669872"/>
              <a:gd name="connsiteY1" fmla="*/ 926058 h 3846716"/>
              <a:gd name="connsiteX2" fmla="*/ 1575578 w 1669872"/>
              <a:gd name="connsiteY2" fmla="*/ 3367387 h 3846716"/>
              <a:gd name="connsiteX3" fmla="*/ 6985 w 1669872"/>
              <a:gd name="connsiteY3" fmla="*/ 3846716 h 3846716"/>
              <a:gd name="connsiteX4" fmla="*/ 0 w 1669872"/>
              <a:gd name="connsiteY4" fmla="*/ 0 h 3846716"/>
              <a:gd name="connsiteX0" fmla="*/ 0 w 1685001"/>
              <a:gd name="connsiteY0" fmla="*/ 0 h 3846716"/>
              <a:gd name="connsiteX1" fmla="*/ 1669872 w 1685001"/>
              <a:gd name="connsiteY1" fmla="*/ 926058 h 3846716"/>
              <a:gd name="connsiteX2" fmla="*/ 1684870 w 1685001"/>
              <a:gd name="connsiteY2" fmla="*/ 3306669 h 3846716"/>
              <a:gd name="connsiteX3" fmla="*/ 6985 w 1685001"/>
              <a:gd name="connsiteY3" fmla="*/ 3846716 h 3846716"/>
              <a:gd name="connsiteX4" fmla="*/ 0 w 1685001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30753"/>
              <a:gd name="connsiteX1" fmla="*/ 1675030 w 1678279"/>
              <a:gd name="connsiteY1" fmla="*/ 809503 h 3830753"/>
              <a:gd name="connsiteX2" fmla="*/ 1677885 w 1678279"/>
              <a:gd name="connsiteY2" fmla="*/ 3299406 h 3830753"/>
              <a:gd name="connsiteX3" fmla="*/ 0 w 1678279"/>
              <a:gd name="connsiteY3" fmla="*/ 3830753 h 3830753"/>
              <a:gd name="connsiteX4" fmla="*/ 1715 w 1678279"/>
              <a:gd name="connsiteY4" fmla="*/ 0 h 3830753"/>
              <a:gd name="connsiteX0" fmla="*/ 11852 w 1678279"/>
              <a:gd name="connsiteY0" fmla="*/ 0 h 3800341"/>
              <a:gd name="connsiteX1" fmla="*/ 1675030 w 1678279"/>
              <a:gd name="connsiteY1" fmla="*/ 779091 h 3800341"/>
              <a:gd name="connsiteX2" fmla="*/ 1677885 w 1678279"/>
              <a:gd name="connsiteY2" fmla="*/ 3268994 h 3800341"/>
              <a:gd name="connsiteX3" fmla="*/ 0 w 1678279"/>
              <a:gd name="connsiteY3" fmla="*/ 3800341 h 3800341"/>
              <a:gd name="connsiteX4" fmla="*/ 11852 w 1678279"/>
              <a:gd name="connsiteY4" fmla="*/ 0 h 3800341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2119 w 1668546"/>
              <a:gd name="connsiteY0" fmla="*/ 0 h 3810478"/>
              <a:gd name="connsiteX1" fmla="*/ 1665297 w 1668546"/>
              <a:gd name="connsiteY1" fmla="*/ 779091 h 3810478"/>
              <a:gd name="connsiteX2" fmla="*/ 1668152 w 1668546"/>
              <a:gd name="connsiteY2" fmla="*/ 3268994 h 3810478"/>
              <a:gd name="connsiteX3" fmla="*/ 404 w 1668546"/>
              <a:gd name="connsiteY3" fmla="*/ 3810478 h 3810478"/>
              <a:gd name="connsiteX4" fmla="*/ 2119 w 1668546"/>
              <a:gd name="connsiteY4" fmla="*/ 0 h 3810478"/>
              <a:gd name="connsiteX0" fmla="*/ 645 w 1667072"/>
              <a:gd name="connsiteY0" fmla="*/ 0 h 3804954"/>
              <a:gd name="connsiteX1" fmla="*/ 1663823 w 1667072"/>
              <a:gd name="connsiteY1" fmla="*/ 779091 h 3804954"/>
              <a:gd name="connsiteX2" fmla="*/ 1666678 w 1667072"/>
              <a:gd name="connsiteY2" fmla="*/ 3268994 h 3804954"/>
              <a:gd name="connsiteX3" fmla="*/ 15520 w 1667072"/>
              <a:gd name="connsiteY3" fmla="*/ 3804954 h 3804954"/>
              <a:gd name="connsiteX4" fmla="*/ 645 w 1667072"/>
              <a:gd name="connsiteY4" fmla="*/ 0 h 3804954"/>
              <a:gd name="connsiteX0" fmla="*/ 645 w 1667072"/>
              <a:gd name="connsiteY0" fmla="*/ 0 h 3804954"/>
              <a:gd name="connsiteX1" fmla="*/ 1663823 w 1667072"/>
              <a:gd name="connsiteY1" fmla="*/ 779091 h 3804954"/>
              <a:gd name="connsiteX2" fmla="*/ 1666678 w 1667072"/>
              <a:gd name="connsiteY2" fmla="*/ 3268994 h 3804954"/>
              <a:gd name="connsiteX3" fmla="*/ 15520 w 1667072"/>
              <a:gd name="connsiteY3" fmla="*/ 3804954 h 3804954"/>
              <a:gd name="connsiteX4" fmla="*/ 645 w 1667072"/>
              <a:gd name="connsiteY4" fmla="*/ 0 h 3804954"/>
              <a:gd name="connsiteX0" fmla="*/ 1 w 1666428"/>
              <a:gd name="connsiteY0" fmla="*/ 0 h 3804954"/>
              <a:gd name="connsiteX1" fmla="*/ 1663179 w 1666428"/>
              <a:gd name="connsiteY1" fmla="*/ 779091 h 3804954"/>
              <a:gd name="connsiteX2" fmla="*/ 1666034 w 1666428"/>
              <a:gd name="connsiteY2" fmla="*/ 3268994 h 3804954"/>
              <a:gd name="connsiteX3" fmla="*/ 14876 w 1666428"/>
              <a:gd name="connsiteY3" fmla="*/ 3804954 h 3804954"/>
              <a:gd name="connsiteX4" fmla="*/ 1 w 1666428"/>
              <a:gd name="connsiteY4" fmla="*/ 0 h 3804954"/>
              <a:gd name="connsiteX0" fmla="*/ 0 w 1655367"/>
              <a:gd name="connsiteY0" fmla="*/ 0 h 3799429"/>
              <a:gd name="connsiteX1" fmla="*/ 1652118 w 1655367"/>
              <a:gd name="connsiteY1" fmla="*/ 773566 h 3799429"/>
              <a:gd name="connsiteX2" fmla="*/ 1654973 w 1655367"/>
              <a:gd name="connsiteY2" fmla="*/ 3263469 h 3799429"/>
              <a:gd name="connsiteX3" fmla="*/ 3815 w 1655367"/>
              <a:gd name="connsiteY3" fmla="*/ 3799429 h 3799429"/>
              <a:gd name="connsiteX4" fmla="*/ 0 w 1655367"/>
              <a:gd name="connsiteY4" fmla="*/ 0 h 3799429"/>
              <a:gd name="connsiteX0" fmla="*/ 0 w 1666426"/>
              <a:gd name="connsiteY0" fmla="*/ 0 h 3534226"/>
              <a:gd name="connsiteX1" fmla="*/ 1663177 w 1666426"/>
              <a:gd name="connsiteY1" fmla="*/ 508363 h 3534226"/>
              <a:gd name="connsiteX2" fmla="*/ 1666032 w 1666426"/>
              <a:gd name="connsiteY2" fmla="*/ 2998266 h 3534226"/>
              <a:gd name="connsiteX3" fmla="*/ 14874 w 1666426"/>
              <a:gd name="connsiteY3" fmla="*/ 3534226 h 3534226"/>
              <a:gd name="connsiteX4" fmla="*/ 0 w 1666426"/>
              <a:gd name="connsiteY4" fmla="*/ 0 h 3534226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149"/>
              <a:gd name="connsiteY0" fmla="*/ 0 h 3804953"/>
              <a:gd name="connsiteX1" fmla="*/ 1644730 w 1655149"/>
              <a:gd name="connsiteY1" fmla="*/ 779090 h 3804953"/>
              <a:gd name="connsiteX2" fmla="*/ 1654971 w 1655149"/>
              <a:gd name="connsiteY2" fmla="*/ 3268993 h 3804953"/>
              <a:gd name="connsiteX3" fmla="*/ 3813 w 1655149"/>
              <a:gd name="connsiteY3" fmla="*/ 3804953 h 3804953"/>
              <a:gd name="connsiteX4" fmla="*/ 0 w 1655149"/>
              <a:gd name="connsiteY4" fmla="*/ 0 h 3804953"/>
              <a:gd name="connsiteX0" fmla="*/ 0 w 1651524"/>
              <a:gd name="connsiteY0" fmla="*/ 0 h 3804953"/>
              <a:gd name="connsiteX1" fmla="*/ 1644730 w 1651524"/>
              <a:gd name="connsiteY1" fmla="*/ 779090 h 3804953"/>
              <a:gd name="connsiteX2" fmla="*/ 1651279 w 1651524"/>
              <a:gd name="connsiteY2" fmla="*/ 3261615 h 3804953"/>
              <a:gd name="connsiteX3" fmla="*/ 3813 w 1651524"/>
              <a:gd name="connsiteY3" fmla="*/ 3804953 h 3804953"/>
              <a:gd name="connsiteX4" fmla="*/ 0 w 1651524"/>
              <a:gd name="connsiteY4" fmla="*/ 0 h 3804953"/>
              <a:gd name="connsiteX0" fmla="*/ 0 w 1651279"/>
              <a:gd name="connsiteY0" fmla="*/ 0 h 3804953"/>
              <a:gd name="connsiteX1" fmla="*/ 1644730 w 1651279"/>
              <a:gd name="connsiteY1" fmla="*/ 779090 h 3804953"/>
              <a:gd name="connsiteX2" fmla="*/ 1651279 w 1651279"/>
              <a:gd name="connsiteY2" fmla="*/ 3261615 h 3804953"/>
              <a:gd name="connsiteX3" fmla="*/ 3813 w 1651279"/>
              <a:gd name="connsiteY3" fmla="*/ 3804953 h 3804953"/>
              <a:gd name="connsiteX4" fmla="*/ 0 w 1651279"/>
              <a:gd name="connsiteY4" fmla="*/ 0 h 3804953"/>
              <a:gd name="connsiteX0" fmla="*/ 0 w 1652115"/>
              <a:gd name="connsiteY0" fmla="*/ 0 h 3804953"/>
              <a:gd name="connsiteX1" fmla="*/ 1652115 w 1652115"/>
              <a:gd name="connsiteY1" fmla="*/ 779090 h 3804953"/>
              <a:gd name="connsiteX2" fmla="*/ 1651279 w 1652115"/>
              <a:gd name="connsiteY2" fmla="*/ 3261615 h 3804953"/>
              <a:gd name="connsiteX3" fmla="*/ 3813 w 1652115"/>
              <a:gd name="connsiteY3" fmla="*/ 3804953 h 3804953"/>
              <a:gd name="connsiteX4" fmla="*/ 0 w 1652115"/>
              <a:gd name="connsiteY4" fmla="*/ 0 h 3804953"/>
              <a:gd name="connsiteX0" fmla="*/ 0 w 1652115"/>
              <a:gd name="connsiteY0" fmla="*/ 0 h 3804953"/>
              <a:gd name="connsiteX1" fmla="*/ 1652115 w 1652115"/>
              <a:gd name="connsiteY1" fmla="*/ 779090 h 3804953"/>
              <a:gd name="connsiteX2" fmla="*/ 1651279 w 1652115"/>
              <a:gd name="connsiteY2" fmla="*/ 3261615 h 3804953"/>
              <a:gd name="connsiteX3" fmla="*/ 3813 w 1652115"/>
              <a:gd name="connsiteY3" fmla="*/ 3804953 h 3804953"/>
              <a:gd name="connsiteX4" fmla="*/ 0 w 1652115"/>
              <a:gd name="connsiteY4" fmla="*/ 0 h 3804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52115" h="3804953">
                <a:moveTo>
                  <a:pt x="0" y="0"/>
                </a:moveTo>
                <a:cubicBezTo>
                  <a:pt x="1543946" y="737586"/>
                  <a:pt x="113835" y="39481"/>
                  <a:pt x="1652115" y="779090"/>
                </a:cubicBezTo>
                <a:cubicBezTo>
                  <a:pt x="1651874" y="3232984"/>
                  <a:pt x="1649377" y="951588"/>
                  <a:pt x="1651279" y="3261615"/>
                </a:cubicBezTo>
                <a:lnTo>
                  <a:pt x="3813" y="3804953"/>
                </a:lnTo>
                <a:cubicBezTo>
                  <a:pt x="5405" y="202863"/>
                  <a:pt x="6515" y="3649697"/>
                  <a:pt x="0" y="0"/>
                </a:cubicBezTo>
                <a:close/>
              </a:path>
            </a:pathLst>
          </a:custGeom>
          <a:solidFill>
            <a:schemeClr val="bg1">
              <a:lumMod val="50000"/>
              <a:alpha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7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27" hasCustomPrompt="1"/>
          </p:nvPr>
        </p:nvSpPr>
        <p:spPr>
          <a:xfrm flipH="1">
            <a:off x="-8306" y="1581911"/>
            <a:ext cx="763881" cy="2311021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839587 h 3248301"/>
              <a:gd name="connsiteX1" fmla="*/ 1322680 w 3005420"/>
              <a:gd name="connsiteY1" fmla="*/ 0 h 3248301"/>
              <a:gd name="connsiteX2" fmla="*/ 3005420 w 3005420"/>
              <a:gd name="connsiteY2" fmla="*/ 3248301 h 3248301"/>
              <a:gd name="connsiteX3" fmla="*/ 12032 w 3005420"/>
              <a:gd name="connsiteY3" fmla="*/ 2682817 h 3248301"/>
              <a:gd name="connsiteX4" fmla="*/ 0 w 3005420"/>
              <a:gd name="connsiteY4" fmla="*/ 839587 h 3248301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12032 w 1322680"/>
              <a:gd name="connsiteY3" fmla="*/ 2682817 h 4493142"/>
              <a:gd name="connsiteX4" fmla="*/ 0 w 1322680"/>
              <a:gd name="connsiteY4" fmla="*/ 839587 h 4493142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44790 w 1322680"/>
              <a:gd name="connsiteY3" fmla="*/ 4238867 h 4493142"/>
              <a:gd name="connsiteX4" fmla="*/ 0 w 1322680"/>
              <a:gd name="connsiteY4" fmla="*/ 839587 h 4493142"/>
              <a:gd name="connsiteX0" fmla="*/ 5157 w 1327837"/>
              <a:gd name="connsiteY0" fmla="*/ 839587 h 4493142"/>
              <a:gd name="connsiteX1" fmla="*/ 1327837 w 1327837"/>
              <a:gd name="connsiteY1" fmla="*/ 0 h 4493142"/>
              <a:gd name="connsiteX2" fmla="*/ 1323491 w 1327837"/>
              <a:gd name="connsiteY2" fmla="*/ 4493142 h 4493142"/>
              <a:gd name="connsiteX3" fmla="*/ 810 w 1327837"/>
              <a:gd name="connsiteY3" fmla="*/ 4189728 h 4493142"/>
              <a:gd name="connsiteX4" fmla="*/ 5157 w 1327837"/>
              <a:gd name="connsiteY4" fmla="*/ 839587 h 4493142"/>
              <a:gd name="connsiteX0" fmla="*/ 5159 w 1327839"/>
              <a:gd name="connsiteY0" fmla="*/ 511998 h 4165553"/>
              <a:gd name="connsiteX1" fmla="*/ 1327839 w 1327839"/>
              <a:gd name="connsiteY1" fmla="*/ 0 h 4165553"/>
              <a:gd name="connsiteX2" fmla="*/ 1323493 w 1327839"/>
              <a:gd name="connsiteY2" fmla="*/ 4165553 h 4165553"/>
              <a:gd name="connsiteX3" fmla="*/ 812 w 1327839"/>
              <a:gd name="connsiteY3" fmla="*/ 3862139 h 4165553"/>
              <a:gd name="connsiteX4" fmla="*/ 5159 w 1327839"/>
              <a:gd name="connsiteY4" fmla="*/ 511998 h 4165553"/>
              <a:gd name="connsiteX0" fmla="*/ 5159 w 1327839"/>
              <a:gd name="connsiteY0" fmla="*/ 511998 h 4378485"/>
              <a:gd name="connsiteX1" fmla="*/ 1327839 w 1327839"/>
              <a:gd name="connsiteY1" fmla="*/ 0 h 4378485"/>
              <a:gd name="connsiteX2" fmla="*/ 1323492 w 1327839"/>
              <a:gd name="connsiteY2" fmla="*/ 4378485 h 4378485"/>
              <a:gd name="connsiteX3" fmla="*/ 812 w 1327839"/>
              <a:gd name="connsiteY3" fmla="*/ 3862139 h 4378485"/>
              <a:gd name="connsiteX4" fmla="*/ 5159 w 1327839"/>
              <a:gd name="connsiteY4" fmla="*/ 511998 h 4378485"/>
              <a:gd name="connsiteX0" fmla="*/ 5157 w 1327837"/>
              <a:gd name="connsiteY0" fmla="*/ 511998 h 4378485"/>
              <a:gd name="connsiteX1" fmla="*/ 1327837 w 1327837"/>
              <a:gd name="connsiteY1" fmla="*/ 0 h 4378485"/>
              <a:gd name="connsiteX2" fmla="*/ 1323490 w 1327837"/>
              <a:gd name="connsiteY2" fmla="*/ 4378485 h 4378485"/>
              <a:gd name="connsiteX3" fmla="*/ 811 w 1327837"/>
              <a:gd name="connsiteY3" fmla="*/ 4292100 h 4378485"/>
              <a:gd name="connsiteX4" fmla="*/ 5157 w 1327837"/>
              <a:gd name="connsiteY4" fmla="*/ 511998 h 4378485"/>
              <a:gd name="connsiteX0" fmla="*/ 5157 w 1628052"/>
              <a:gd name="connsiteY0" fmla="*/ 511998 h 4700956"/>
              <a:gd name="connsiteX1" fmla="*/ 1327837 w 1628052"/>
              <a:gd name="connsiteY1" fmla="*/ 0 h 4700956"/>
              <a:gd name="connsiteX2" fmla="*/ 1628046 w 1628052"/>
              <a:gd name="connsiteY2" fmla="*/ 4700956 h 4700956"/>
              <a:gd name="connsiteX3" fmla="*/ 811 w 1628052"/>
              <a:gd name="connsiteY3" fmla="*/ 4292100 h 4700956"/>
              <a:gd name="connsiteX4" fmla="*/ 5157 w 1628052"/>
              <a:gd name="connsiteY4" fmla="*/ 511998 h 470095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399590 h 4808446"/>
              <a:gd name="connsiteX4" fmla="*/ 5157 w 1632393"/>
              <a:gd name="connsiteY4" fmla="*/ 619488 h 480844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553605 h 4808446"/>
              <a:gd name="connsiteX4" fmla="*/ 5157 w 1632393"/>
              <a:gd name="connsiteY4" fmla="*/ 619488 h 4808446"/>
              <a:gd name="connsiteX0" fmla="*/ 5157 w 1936084"/>
              <a:gd name="connsiteY0" fmla="*/ 619488 h 5154982"/>
              <a:gd name="connsiteX1" fmla="*/ 1632393 w 1936084"/>
              <a:gd name="connsiteY1" fmla="*/ 0 h 5154982"/>
              <a:gd name="connsiteX2" fmla="*/ 1936078 w 1936084"/>
              <a:gd name="connsiteY2" fmla="*/ 5154982 h 5154982"/>
              <a:gd name="connsiteX3" fmla="*/ 811 w 1936084"/>
              <a:gd name="connsiteY3" fmla="*/ 4553605 h 5154982"/>
              <a:gd name="connsiteX4" fmla="*/ 5157 w 1936084"/>
              <a:gd name="connsiteY4" fmla="*/ 619488 h 5154982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0 w 1950222"/>
              <a:gd name="connsiteY0" fmla="*/ 754196 h 5244824"/>
              <a:gd name="connsiteX1" fmla="*/ 1950222 w 1950222"/>
              <a:gd name="connsiteY1" fmla="*/ 0 h 5244824"/>
              <a:gd name="connsiteX2" fmla="*/ 1945875 w 1950222"/>
              <a:gd name="connsiteY2" fmla="*/ 5244824 h 5244824"/>
              <a:gd name="connsiteX3" fmla="*/ 10608 w 1950222"/>
              <a:gd name="connsiteY3" fmla="*/ 4598581 h 5244824"/>
              <a:gd name="connsiteX4" fmla="*/ 0 w 1950222"/>
              <a:gd name="connsiteY4" fmla="*/ 75419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61464"/>
              <a:gd name="connsiteY0" fmla="*/ 76543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65436 h 5244824"/>
              <a:gd name="connsiteX0" fmla="*/ 0 w 1961464"/>
              <a:gd name="connsiteY0" fmla="*/ 75419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5419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57117"/>
              <a:gd name="connsiteY0" fmla="*/ 384217 h 4886085"/>
              <a:gd name="connsiteX1" fmla="*/ 1011857 w 1957117"/>
              <a:gd name="connsiteY1" fmla="*/ 0 h 4886085"/>
              <a:gd name="connsiteX2" fmla="*/ 1957117 w 1957117"/>
              <a:gd name="connsiteY2" fmla="*/ 4886085 h 4886085"/>
              <a:gd name="connsiteX3" fmla="*/ 21850 w 1957117"/>
              <a:gd name="connsiteY3" fmla="*/ 4239842 h 4886085"/>
              <a:gd name="connsiteX4" fmla="*/ 0 w 1957117"/>
              <a:gd name="connsiteY4" fmla="*/ 384217 h 4886085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01307"/>
              <a:gd name="connsiteY0" fmla="*/ 405320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405320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3386 w 1004693"/>
              <a:gd name="connsiteY0" fmla="*/ 373667 h 4569550"/>
              <a:gd name="connsiteX1" fmla="*/ 1004693 w 1004693"/>
              <a:gd name="connsiteY1" fmla="*/ 0 h 4569550"/>
              <a:gd name="connsiteX2" fmla="*/ 1000346 w 1004693"/>
              <a:gd name="connsiteY2" fmla="*/ 4569550 h 4569550"/>
              <a:gd name="connsiteX3" fmla="*/ 4135 w 1004693"/>
              <a:gd name="connsiteY3" fmla="*/ 4218740 h 4569550"/>
              <a:gd name="connsiteX4" fmla="*/ 3386 w 1004693"/>
              <a:gd name="connsiteY4" fmla="*/ 373667 h 4569550"/>
              <a:gd name="connsiteX0" fmla="*/ 3386 w 1004693"/>
              <a:gd name="connsiteY0" fmla="*/ 373667 h 4569550"/>
              <a:gd name="connsiteX1" fmla="*/ 1004693 w 1004693"/>
              <a:gd name="connsiteY1" fmla="*/ 0 h 4569550"/>
              <a:gd name="connsiteX2" fmla="*/ 1000346 w 1004693"/>
              <a:gd name="connsiteY2" fmla="*/ 4569550 h 4569550"/>
              <a:gd name="connsiteX3" fmla="*/ 4135 w 1004693"/>
              <a:gd name="connsiteY3" fmla="*/ 4218740 h 4569550"/>
              <a:gd name="connsiteX4" fmla="*/ 3386 w 1004693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749 w 1001307"/>
              <a:gd name="connsiteY3" fmla="*/ 4218740 h 4569550"/>
              <a:gd name="connsiteX4" fmla="*/ 0 w 1001307"/>
              <a:gd name="connsiteY4" fmla="*/ 373667 h 4569550"/>
              <a:gd name="connsiteX0" fmla="*/ 404 w 1001711"/>
              <a:gd name="connsiteY0" fmla="*/ 373667 h 4569550"/>
              <a:gd name="connsiteX1" fmla="*/ 1001711 w 1001711"/>
              <a:gd name="connsiteY1" fmla="*/ 0 h 4569550"/>
              <a:gd name="connsiteX2" fmla="*/ 997364 w 1001711"/>
              <a:gd name="connsiteY2" fmla="*/ 4569550 h 4569550"/>
              <a:gd name="connsiteX3" fmla="*/ 1153 w 1001711"/>
              <a:gd name="connsiteY3" fmla="*/ 4218740 h 4569550"/>
              <a:gd name="connsiteX4" fmla="*/ 404 w 1001711"/>
              <a:gd name="connsiteY4" fmla="*/ 373667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29292 h 4569550"/>
              <a:gd name="connsiteX4" fmla="*/ 198 w 1012056"/>
              <a:gd name="connsiteY4" fmla="*/ 363118 h 4569550"/>
              <a:gd name="connsiteX0" fmla="*/ 1505 w 1013363"/>
              <a:gd name="connsiteY0" fmla="*/ 363118 h 4569550"/>
              <a:gd name="connsiteX1" fmla="*/ 1013363 w 1013363"/>
              <a:gd name="connsiteY1" fmla="*/ 0 h 4569550"/>
              <a:gd name="connsiteX2" fmla="*/ 1009016 w 1013363"/>
              <a:gd name="connsiteY2" fmla="*/ 4569550 h 4569550"/>
              <a:gd name="connsiteX3" fmla="*/ 12805 w 1013363"/>
              <a:gd name="connsiteY3" fmla="*/ 4229292 h 4569550"/>
              <a:gd name="connsiteX4" fmla="*/ 1505 w 1013363"/>
              <a:gd name="connsiteY4" fmla="*/ 363118 h 4569550"/>
              <a:gd name="connsiteX0" fmla="*/ 1507 w 1013365"/>
              <a:gd name="connsiteY0" fmla="*/ 363118 h 4569550"/>
              <a:gd name="connsiteX1" fmla="*/ 1013365 w 1013365"/>
              <a:gd name="connsiteY1" fmla="*/ 0 h 4569550"/>
              <a:gd name="connsiteX2" fmla="*/ 1009018 w 1013365"/>
              <a:gd name="connsiteY2" fmla="*/ 4569550 h 4569550"/>
              <a:gd name="connsiteX3" fmla="*/ 12807 w 1013365"/>
              <a:gd name="connsiteY3" fmla="*/ 4229292 h 4569550"/>
              <a:gd name="connsiteX4" fmla="*/ 1507 w 1013365"/>
              <a:gd name="connsiteY4" fmla="*/ 363118 h 4569550"/>
              <a:gd name="connsiteX0" fmla="*/ 6812 w 1008119"/>
              <a:gd name="connsiteY0" fmla="*/ 342017 h 4569550"/>
              <a:gd name="connsiteX1" fmla="*/ 1008119 w 1008119"/>
              <a:gd name="connsiteY1" fmla="*/ 0 h 4569550"/>
              <a:gd name="connsiteX2" fmla="*/ 1003772 w 1008119"/>
              <a:gd name="connsiteY2" fmla="*/ 4569550 h 4569550"/>
              <a:gd name="connsiteX3" fmla="*/ 7561 w 1008119"/>
              <a:gd name="connsiteY3" fmla="*/ 4229292 h 4569550"/>
              <a:gd name="connsiteX4" fmla="*/ 6812 w 1008119"/>
              <a:gd name="connsiteY4" fmla="*/ 342017 h 4569550"/>
              <a:gd name="connsiteX0" fmla="*/ 1507 w 1013365"/>
              <a:gd name="connsiteY0" fmla="*/ 363120 h 4569550"/>
              <a:gd name="connsiteX1" fmla="*/ 1013365 w 1013365"/>
              <a:gd name="connsiteY1" fmla="*/ 0 h 4569550"/>
              <a:gd name="connsiteX2" fmla="*/ 1009018 w 1013365"/>
              <a:gd name="connsiteY2" fmla="*/ 4569550 h 4569550"/>
              <a:gd name="connsiteX3" fmla="*/ 12807 w 1013365"/>
              <a:gd name="connsiteY3" fmla="*/ 4229292 h 4569550"/>
              <a:gd name="connsiteX4" fmla="*/ 1507 w 1013365"/>
              <a:gd name="connsiteY4" fmla="*/ 363120 h 4569550"/>
              <a:gd name="connsiteX0" fmla="*/ 1507 w 1009028"/>
              <a:gd name="connsiteY0" fmla="*/ 298946 h 4505376"/>
              <a:gd name="connsiteX1" fmla="*/ 846515 w 1009028"/>
              <a:gd name="connsiteY1" fmla="*/ 0 h 4505376"/>
              <a:gd name="connsiteX2" fmla="*/ 1009018 w 1009028"/>
              <a:gd name="connsiteY2" fmla="*/ 4505376 h 4505376"/>
              <a:gd name="connsiteX3" fmla="*/ 12807 w 1009028"/>
              <a:gd name="connsiteY3" fmla="*/ 4165118 h 4505376"/>
              <a:gd name="connsiteX4" fmla="*/ 1507 w 1009028"/>
              <a:gd name="connsiteY4" fmla="*/ 298946 h 4505376"/>
              <a:gd name="connsiteX0" fmla="*/ 1507 w 846516"/>
              <a:gd name="connsiteY0" fmla="*/ 298946 h 4441202"/>
              <a:gd name="connsiteX1" fmla="*/ 846515 w 846516"/>
              <a:gd name="connsiteY1" fmla="*/ 0 h 4441202"/>
              <a:gd name="connsiteX2" fmla="*/ 842167 w 846516"/>
              <a:gd name="connsiteY2" fmla="*/ 4441202 h 4441202"/>
              <a:gd name="connsiteX3" fmla="*/ 12807 w 846516"/>
              <a:gd name="connsiteY3" fmla="*/ 4165118 h 4441202"/>
              <a:gd name="connsiteX4" fmla="*/ 1507 w 846516"/>
              <a:gd name="connsiteY4" fmla="*/ 298946 h 4441202"/>
              <a:gd name="connsiteX0" fmla="*/ 1507 w 846514"/>
              <a:gd name="connsiteY0" fmla="*/ 298946 h 4441202"/>
              <a:gd name="connsiteX1" fmla="*/ 846515 w 846514"/>
              <a:gd name="connsiteY1" fmla="*/ 0 h 4441202"/>
              <a:gd name="connsiteX2" fmla="*/ 842167 w 846514"/>
              <a:gd name="connsiteY2" fmla="*/ 4441202 h 4441202"/>
              <a:gd name="connsiteX3" fmla="*/ 12807 w 846514"/>
              <a:gd name="connsiteY3" fmla="*/ 4036773 h 4441202"/>
              <a:gd name="connsiteX4" fmla="*/ 1507 w 846514"/>
              <a:gd name="connsiteY4" fmla="*/ 298946 h 4441202"/>
              <a:gd name="connsiteX0" fmla="*/ 1507 w 846516"/>
              <a:gd name="connsiteY0" fmla="*/ 298946 h 4338523"/>
              <a:gd name="connsiteX1" fmla="*/ 846515 w 846516"/>
              <a:gd name="connsiteY1" fmla="*/ 0 h 4338523"/>
              <a:gd name="connsiteX2" fmla="*/ 842167 w 846516"/>
              <a:gd name="connsiteY2" fmla="*/ 4338523 h 4338523"/>
              <a:gd name="connsiteX3" fmla="*/ 12807 w 846516"/>
              <a:gd name="connsiteY3" fmla="*/ 4036773 h 4338523"/>
              <a:gd name="connsiteX4" fmla="*/ 1507 w 846516"/>
              <a:gd name="connsiteY4" fmla="*/ 298946 h 4338523"/>
              <a:gd name="connsiteX0" fmla="*/ 18982 w 863989"/>
              <a:gd name="connsiteY0" fmla="*/ 298946 h 4338523"/>
              <a:gd name="connsiteX1" fmla="*/ 863990 w 863989"/>
              <a:gd name="connsiteY1" fmla="*/ 0 h 4338523"/>
              <a:gd name="connsiteX2" fmla="*/ 859642 w 863989"/>
              <a:gd name="connsiteY2" fmla="*/ 4338523 h 4338523"/>
              <a:gd name="connsiteX3" fmla="*/ 4612 w 863989"/>
              <a:gd name="connsiteY3" fmla="*/ 3959766 h 4338523"/>
              <a:gd name="connsiteX4" fmla="*/ 18982 w 863989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959766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3959766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651734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3651734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651734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4011105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4011105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4011105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4011105 h 4338523"/>
              <a:gd name="connsiteX4" fmla="*/ 14370 w 859379"/>
              <a:gd name="connsiteY4" fmla="*/ 298946 h 4338523"/>
              <a:gd name="connsiteX0" fmla="*/ 27205 w 872212"/>
              <a:gd name="connsiteY0" fmla="*/ 298946 h 4338523"/>
              <a:gd name="connsiteX1" fmla="*/ 872213 w 872212"/>
              <a:gd name="connsiteY1" fmla="*/ 0 h 4338523"/>
              <a:gd name="connsiteX2" fmla="*/ 867865 w 872212"/>
              <a:gd name="connsiteY2" fmla="*/ 4338523 h 4338523"/>
              <a:gd name="connsiteX3" fmla="*/ 0 w 872212"/>
              <a:gd name="connsiteY3" fmla="*/ 3985438 h 4338523"/>
              <a:gd name="connsiteX4" fmla="*/ 27205 w 872212"/>
              <a:gd name="connsiteY4" fmla="*/ 298946 h 4338523"/>
              <a:gd name="connsiteX0" fmla="*/ 27205 w 872214"/>
              <a:gd name="connsiteY0" fmla="*/ 298946 h 4338523"/>
              <a:gd name="connsiteX1" fmla="*/ 872213 w 872214"/>
              <a:gd name="connsiteY1" fmla="*/ 0 h 4338523"/>
              <a:gd name="connsiteX2" fmla="*/ 867865 w 872214"/>
              <a:gd name="connsiteY2" fmla="*/ 4338523 h 4338523"/>
              <a:gd name="connsiteX3" fmla="*/ 0 w 872214"/>
              <a:gd name="connsiteY3" fmla="*/ 3985438 h 4338523"/>
              <a:gd name="connsiteX4" fmla="*/ 27205 w 872214"/>
              <a:gd name="connsiteY4" fmla="*/ 298946 h 4338523"/>
              <a:gd name="connsiteX0" fmla="*/ 27205 w 872212"/>
              <a:gd name="connsiteY0" fmla="*/ 311780 h 4338523"/>
              <a:gd name="connsiteX1" fmla="*/ 872213 w 872212"/>
              <a:gd name="connsiteY1" fmla="*/ 0 h 4338523"/>
              <a:gd name="connsiteX2" fmla="*/ 867865 w 872212"/>
              <a:gd name="connsiteY2" fmla="*/ 4338523 h 4338523"/>
              <a:gd name="connsiteX3" fmla="*/ 0 w 872212"/>
              <a:gd name="connsiteY3" fmla="*/ 3985438 h 4338523"/>
              <a:gd name="connsiteX4" fmla="*/ 27205 w 872212"/>
              <a:gd name="connsiteY4" fmla="*/ 311780 h 4338523"/>
              <a:gd name="connsiteX0" fmla="*/ 248 w 875169"/>
              <a:gd name="connsiteY0" fmla="*/ 326735 h 4338523"/>
              <a:gd name="connsiteX1" fmla="*/ 875168 w 875169"/>
              <a:gd name="connsiteY1" fmla="*/ 0 h 4338523"/>
              <a:gd name="connsiteX2" fmla="*/ 870820 w 875169"/>
              <a:gd name="connsiteY2" fmla="*/ 4338523 h 4338523"/>
              <a:gd name="connsiteX3" fmla="*/ 2955 w 875169"/>
              <a:gd name="connsiteY3" fmla="*/ 3985438 h 4338523"/>
              <a:gd name="connsiteX4" fmla="*/ 248 w 875169"/>
              <a:gd name="connsiteY4" fmla="*/ 326735 h 4338523"/>
              <a:gd name="connsiteX0" fmla="*/ 186 w 880536"/>
              <a:gd name="connsiteY0" fmla="*/ 326735 h 4338523"/>
              <a:gd name="connsiteX1" fmla="*/ 880537 w 880536"/>
              <a:gd name="connsiteY1" fmla="*/ 0 h 4338523"/>
              <a:gd name="connsiteX2" fmla="*/ 876189 w 880536"/>
              <a:gd name="connsiteY2" fmla="*/ 4338523 h 4338523"/>
              <a:gd name="connsiteX3" fmla="*/ 8324 w 880536"/>
              <a:gd name="connsiteY3" fmla="*/ 3985438 h 4338523"/>
              <a:gd name="connsiteX4" fmla="*/ 186 w 880536"/>
              <a:gd name="connsiteY4" fmla="*/ 326735 h 4338523"/>
              <a:gd name="connsiteX0" fmla="*/ 0 w 880352"/>
              <a:gd name="connsiteY0" fmla="*/ 326735 h 4338523"/>
              <a:gd name="connsiteX1" fmla="*/ 880351 w 880352"/>
              <a:gd name="connsiteY1" fmla="*/ 0 h 4338523"/>
              <a:gd name="connsiteX2" fmla="*/ 876003 w 880352"/>
              <a:gd name="connsiteY2" fmla="*/ 4338523 h 4338523"/>
              <a:gd name="connsiteX3" fmla="*/ 8138 w 880352"/>
              <a:gd name="connsiteY3" fmla="*/ 3985438 h 4338523"/>
              <a:gd name="connsiteX4" fmla="*/ 0 w 880352"/>
              <a:gd name="connsiteY4" fmla="*/ 326735 h 4338523"/>
              <a:gd name="connsiteX0" fmla="*/ 2723 w 872213"/>
              <a:gd name="connsiteY0" fmla="*/ 332178 h 4338523"/>
              <a:gd name="connsiteX1" fmla="*/ 872214 w 872213"/>
              <a:gd name="connsiteY1" fmla="*/ 0 h 4338523"/>
              <a:gd name="connsiteX2" fmla="*/ 867866 w 872213"/>
              <a:gd name="connsiteY2" fmla="*/ 4338523 h 4338523"/>
              <a:gd name="connsiteX3" fmla="*/ 1 w 872213"/>
              <a:gd name="connsiteY3" fmla="*/ 3985438 h 4338523"/>
              <a:gd name="connsiteX4" fmla="*/ 2723 w 872213"/>
              <a:gd name="connsiteY4" fmla="*/ 332178 h 4338523"/>
              <a:gd name="connsiteX0" fmla="*/ 8152 w 872213"/>
              <a:gd name="connsiteY0" fmla="*/ 326737 h 4338523"/>
              <a:gd name="connsiteX1" fmla="*/ 872212 w 872213"/>
              <a:gd name="connsiteY1" fmla="*/ 0 h 4338523"/>
              <a:gd name="connsiteX2" fmla="*/ 867864 w 872213"/>
              <a:gd name="connsiteY2" fmla="*/ 4338523 h 4338523"/>
              <a:gd name="connsiteX3" fmla="*/ -1 w 872213"/>
              <a:gd name="connsiteY3" fmla="*/ 3985438 h 4338523"/>
              <a:gd name="connsiteX4" fmla="*/ 8152 w 872213"/>
              <a:gd name="connsiteY4" fmla="*/ 326737 h 4338523"/>
              <a:gd name="connsiteX0" fmla="*/ 13585 w 872213"/>
              <a:gd name="connsiteY0" fmla="*/ 321293 h 4338523"/>
              <a:gd name="connsiteX1" fmla="*/ 872214 w 872213"/>
              <a:gd name="connsiteY1" fmla="*/ 0 h 4338523"/>
              <a:gd name="connsiteX2" fmla="*/ 867866 w 872213"/>
              <a:gd name="connsiteY2" fmla="*/ 4338523 h 4338523"/>
              <a:gd name="connsiteX3" fmla="*/ 1 w 872213"/>
              <a:gd name="connsiteY3" fmla="*/ 3985438 h 4338523"/>
              <a:gd name="connsiteX4" fmla="*/ 13585 w 872213"/>
              <a:gd name="connsiteY4" fmla="*/ 321293 h 4338523"/>
              <a:gd name="connsiteX0" fmla="*/ 13583 w 872213"/>
              <a:gd name="connsiteY0" fmla="*/ 321293 h 4338523"/>
              <a:gd name="connsiteX1" fmla="*/ 872212 w 872213"/>
              <a:gd name="connsiteY1" fmla="*/ 0 h 4338523"/>
              <a:gd name="connsiteX2" fmla="*/ 867864 w 872213"/>
              <a:gd name="connsiteY2" fmla="*/ 4338523 h 4338523"/>
              <a:gd name="connsiteX3" fmla="*/ -1 w 872213"/>
              <a:gd name="connsiteY3" fmla="*/ 3985438 h 4338523"/>
              <a:gd name="connsiteX4" fmla="*/ 13583 w 872213"/>
              <a:gd name="connsiteY4" fmla="*/ 321293 h 4338523"/>
              <a:gd name="connsiteX0" fmla="*/ 13585 w 872213"/>
              <a:gd name="connsiteY0" fmla="*/ 321293 h 4338523"/>
              <a:gd name="connsiteX1" fmla="*/ 872214 w 872213"/>
              <a:gd name="connsiteY1" fmla="*/ 0 h 4338523"/>
              <a:gd name="connsiteX2" fmla="*/ 867866 w 872213"/>
              <a:gd name="connsiteY2" fmla="*/ 4338523 h 4338523"/>
              <a:gd name="connsiteX3" fmla="*/ 1 w 872213"/>
              <a:gd name="connsiteY3" fmla="*/ 3985438 h 4338523"/>
              <a:gd name="connsiteX4" fmla="*/ 13585 w 872213"/>
              <a:gd name="connsiteY4" fmla="*/ 321293 h 4338523"/>
              <a:gd name="connsiteX0" fmla="*/ 4538 w 874028"/>
              <a:gd name="connsiteY0" fmla="*/ 332178 h 4338523"/>
              <a:gd name="connsiteX1" fmla="*/ 874027 w 874028"/>
              <a:gd name="connsiteY1" fmla="*/ 0 h 4338523"/>
              <a:gd name="connsiteX2" fmla="*/ 869679 w 874028"/>
              <a:gd name="connsiteY2" fmla="*/ 4338523 h 4338523"/>
              <a:gd name="connsiteX3" fmla="*/ 1814 w 874028"/>
              <a:gd name="connsiteY3" fmla="*/ 3985438 h 4338523"/>
              <a:gd name="connsiteX4" fmla="*/ 4538 w 874028"/>
              <a:gd name="connsiteY4" fmla="*/ 332178 h 4338523"/>
              <a:gd name="connsiteX0" fmla="*/ 4538 w 874026"/>
              <a:gd name="connsiteY0" fmla="*/ 316351 h 4338523"/>
              <a:gd name="connsiteX1" fmla="*/ 874027 w 874026"/>
              <a:gd name="connsiteY1" fmla="*/ 0 h 4338523"/>
              <a:gd name="connsiteX2" fmla="*/ 869679 w 874026"/>
              <a:gd name="connsiteY2" fmla="*/ 4338523 h 4338523"/>
              <a:gd name="connsiteX3" fmla="*/ 1814 w 874026"/>
              <a:gd name="connsiteY3" fmla="*/ 3985438 h 4338523"/>
              <a:gd name="connsiteX4" fmla="*/ 4538 w 874026"/>
              <a:gd name="connsiteY4" fmla="*/ 316351 h 4338523"/>
              <a:gd name="connsiteX0" fmla="*/ 2723 w 872213"/>
              <a:gd name="connsiteY0" fmla="*/ 316351 h 4338523"/>
              <a:gd name="connsiteX1" fmla="*/ 872212 w 872213"/>
              <a:gd name="connsiteY1" fmla="*/ 0 h 4338523"/>
              <a:gd name="connsiteX2" fmla="*/ 867864 w 872213"/>
              <a:gd name="connsiteY2" fmla="*/ 4338523 h 4338523"/>
              <a:gd name="connsiteX3" fmla="*/ -1 w 872213"/>
              <a:gd name="connsiteY3" fmla="*/ 3985438 h 4338523"/>
              <a:gd name="connsiteX4" fmla="*/ 2723 w 872213"/>
              <a:gd name="connsiteY4" fmla="*/ 316351 h 4338523"/>
              <a:gd name="connsiteX0" fmla="*/ 2747 w 872236"/>
              <a:gd name="connsiteY0" fmla="*/ 316351 h 4338523"/>
              <a:gd name="connsiteX1" fmla="*/ 872236 w 872236"/>
              <a:gd name="connsiteY1" fmla="*/ 0 h 4338523"/>
              <a:gd name="connsiteX2" fmla="*/ 867888 w 872236"/>
              <a:gd name="connsiteY2" fmla="*/ 4338523 h 4338523"/>
              <a:gd name="connsiteX3" fmla="*/ 23 w 872236"/>
              <a:gd name="connsiteY3" fmla="*/ 3985438 h 4338523"/>
              <a:gd name="connsiteX4" fmla="*/ 2747 w 872236"/>
              <a:gd name="connsiteY4" fmla="*/ 316351 h 4338523"/>
              <a:gd name="connsiteX0" fmla="*/ 444 w 880461"/>
              <a:gd name="connsiteY0" fmla="*/ 316351 h 4338523"/>
              <a:gd name="connsiteX1" fmla="*/ 880461 w 880461"/>
              <a:gd name="connsiteY1" fmla="*/ 0 h 4338523"/>
              <a:gd name="connsiteX2" fmla="*/ 876113 w 880461"/>
              <a:gd name="connsiteY2" fmla="*/ 4338523 h 4338523"/>
              <a:gd name="connsiteX3" fmla="*/ 8248 w 880461"/>
              <a:gd name="connsiteY3" fmla="*/ 3985438 h 4338523"/>
              <a:gd name="connsiteX4" fmla="*/ 444 w 880461"/>
              <a:gd name="connsiteY4" fmla="*/ 316351 h 4338523"/>
              <a:gd name="connsiteX0" fmla="*/ -1 w 880016"/>
              <a:gd name="connsiteY0" fmla="*/ 316351 h 4338523"/>
              <a:gd name="connsiteX1" fmla="*/ 880016 w 880016"/>
              <a:gd name="connsiteY1" fmla="*/ 0 h 4338523"/>
              <a:gd name="connsiteX2" fmla="*/ 875668 w 880016"/>
              <a:gd name="connsiteY2" fmla="*/ 4338523 h 4338523"/>
              <a:gd name="connsiteX3" fmla="*/ 7803 w 880016"/>
              <a:gd name="connsiteY3" fmla="*/ 3985438 h 4338523"/>
              <a:gd name="connsiteX4" fmla="*/ -1 w 880016"/>
              <a:gd name="connsiteY4" fmla="*/ 316351 h 4338523"/>
              <a:gd name="connsiteX0" fmla="*/ 1 w 880018"/>
              <a:gd name="connsiteY0" fmla="*/ 316351 h 4338523"/>
              <a:gd name="connsiteX1" fmla="*/ 880018 w 880018"/>
              <a:gd name="connsiteY1" fmla="*/ 0 h 4338523"/>
              <a:gd name="connsiteX2" fmla="*/ 875670 w 880018"/>
              <a:gd name="connsiteY2" fmla="*/ 4338523 h 4338523"/>
              <a:gd name="connsiteX3" fmla="*/ 7805 w 880018"/>
              <a:gd name="connsiteY3" fmla="*/ 3985438 h 4338523"/>
              <a:gd name="connsiteX4" fmla="*/ 1 w 880018"/>
              <a:gd name="connsiteY4" fmla="*/ 316351 h 4338523"/>
              <a:gd name="connsiteX0" fmla="*/ 0 w 890542"/>
              <a:gd name="connsiteY0" fmla="*/ 316351 h 4338523"/>
              <a:gd name="connsiteX1" fmla="*/ 890542 w 890542"/>
              <a:gd name="connsiteY1" fmla="*/ 0 h 4338523"/>
              <a:gd name="connsiteX2" fmla="*/ 886194 w 890542"/>
              <a:gd name="connsiteY2" fmla="*/ 4338523 h 4338523"/>
              <a:gd name="connsiteX3" fmla="*/ 18329 w 890542"/>
              <a:gd name="connsiteY3" fmla="*/ 3985438 h 4338523"/>
              <a:gd name="connsiteX4" fmla="*/ 0 w 890542"/>
              <a:gd name="connsiteY4" fmla="*/ 316351 h 4338523"/>
              <a:gd name="connsiteX0" fmla="*/ 0 w 885278"/>
              <a:gd name="connsiteY0" fmla="*/ 316351 h 4338523"/>
              <a:gd name="connsiteX1" fmla="*/ 885278 w 885278"/>
              <a:gd name="connsiteY1" fmla="*/ 0 h 4338523"/>
              <a:gd name="connsiteX2" fmla="*/ 880930 w 885278"/>
              <a:gd name="connsiteY2" fmla="*/ 4338523 h 4338523"/>
              <a:gd name="connsiteX3" fmla="*/ 13065 w 885278"/>
              <a:gd name="connsiteY3" fmla="*/ 3985438 h 4338523"/>
              <a:gd name="connsiteX4" fmla="*/ 0 w 885278"/>
              <a:gd name="connsiteY4" fmla="*/ 316351 h 4338523"/>
              <a:gd name="connsiteX0" fmla="*/ 0 w 890542"/>
              <a:gd name="connsiteY0" fmla="*/ 321626 h 4338523"/>
              <a:gd name="connsiteX1" fmla="*/ 890542 w 890542"/>
              <a:gd name="connsiteY1" fmla="*/ 0 h 4338523"/>
              <a:gd name="connsiteX2" fmla="*/ 886194 w 890542"/>
              <a:gd name="connsiteY2" fmla="*/ 4338523 h 4338523"/>
              <a:gd name="connsiteX3" fmla="*/ 18329 w 890542"/>
              <a:gd name="connsiteY3" fmla="*/ 3985438 h 4338523"/>
              <a:gd name="connsiteX4" fmla="*/ 0 w 890542"/>
              <a:gd name="connsiteY4" fmla="*/ 321626 h 4338523"/>
              <a:gd name="connsiteX0" fmla="*/ 0 w 890542"/>
              <a:gd name="connsiteY0" fmla="*/ 321626 h 4338523"/>
              <a:gd name="connsiteX1" fmla="*/ 890542 w 890542"/>
              <a:gd name="connsiteY1" fmla="*/ 0 h 4338523"/>
              <a:gd name="connsiteX2" fmla="*/ 886194 w 890542"/>
              <a:gd name="connsiteY2" fmla="*/ 4338523 h 4338523"/>
              <a:gd name="connsiteX3" fmla="*/ 3408 w 890542"/>
              <a:gd name="connsiteY3" fmla="*/ 3977961 h 4338523"/>
              <a:gd name="connsiteX4" fmla="*/ 0 w 890542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10870 w 898004"/>
              <a:gd name="connsiteY3" fmla="*/ 3977961 h 4338523"/>
              <a:gd name="connsiteX4" fmla="*/ 0 w 898004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10870 w 898004"/>
              <a:gd name="connsiteY3" fmla="*/ 3977961 h 4338523"/>
              <a:gd name="connsiteX4" fmla="*/ 0 w 898004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10870 w 898004"/>
              <a:gd name="connsiteY3" fmla="*/ 3977961 h 4338523"/>
              <a:gd name="connsiteX4" fmla="*/ 0 w 898004"/>
              <a:gd name="connsiteY4" fmla="*/ 321626 h 4338523"/>
              <a:gd name="connsiteX0" fmla="*/ 1189 w 899193"/>
              <a:gd name="connsiteY0" fmla="*/ 321626 h 4338523"/>
              <a:gd name="connsiteX1" fmla="*/ 899193 w 899193"/>
              <a:gd name="connsiteY1" fmla="*/ 0 h 4338523"/>
              <a:gd name="connsiteX2" fmla="*/ 894845 w 899193"/>
              <a:gd name="connsiteY2" fmla="*/ 4338523 h 4338523"/>
              <a:gd name="connsiteX3" fmla="*/ 5002 w 899193"/>
              <a:gd name="connsiteY3" fmla="*/ 3986113 h 4338523"/>
              <a:gd name="connsiteX4" fmla="*/ 1189 w 899193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3813 w 898004"/>
              <a:gd name="connsiteY3" fmla="*/ 3986113 h 4338523"/>
              <a:gd name="connsiteX4" fmla="*/ 0 w 898004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3813 w 898004"/>
              <a:gd name="connsiteY3" fmla="*/ 3986113 h 4338523"/>
              <a:gd name="connsiteX4" fmla="*/ 0 w 898004"/>
              <a:gd name="connsiteY4" fmla="*/ 321626 h 4338523"/>
              <a:gd name="connsiteX0" fmla="*/ 3734 w 894681"/>
              <a:gd name="connsiteY0" fmla="*/ 329778 h 4338523"/>
              <a:gd name="connsiteX1" fmla="*/ 894681 w 894681"/>
              <a:gd name="connsiteY1" fmla="*/ 0 h 4338523"/>
              <a:gd name="connsiteX2" fmla="*/ 890333 w 894681"/>
              <a:gd name="connsiteY2" fmla="*/ 4338523 h 4338523"/>
              <a:gd name="connsiteX3" fmla="*/ 490 w 894681"/>
              <a:gd name="connsiteY3" fmla="*/ 3986113 h 4338523"/>
              <a:gd name="connsiteX4" fmla="*/ 3734 w 894681"/>
              <a:gd name="connsiteY4" fmla="*/ 329778 h 4338523"/>
              <a:gd name="connsiteX0" fmla="*/ 621 w 895096"/>
              <a:gd name="connsiteY0" fmla="*/ 329778 h 4338523"/>
              <a:gd name="connsiteX1" fmla="*/ 895096 w 895096"/>
              <a:gd name="connsiteY1" fmla="*/ 0 h 4338523"/>
              <a:gd name="connsiteX2" fmla="*/ 890748 w 895096"/>
              <a:gd name="connsiteY2" fmla="*/ 4338523 h 4338523"/>
              <a:gd name="connsiteX3" fmla="*/ 905 w 895096"/>
              <a:gd name="connsiteY3" fmla="*/ 3986113 h 4338523"/>
              <a:gd name="connsiteX4" fmla="*/ 621 w 895096"/>
              <a:gd name="connsiteY4" fmla="*/ 329778 h 4338523"/>
              <a:gd name="connsiteX0" fmla="*/ 621 w 895096"/>
              <a:gd name="connsiteY0" fmla="*/ 329778 h 4338523"/>
              <a:gd name="connsiteX1" fmla="*/ 895096 w 895096"/>
              <a:gd name="connsiteY1" fmla="*/ 0 h 4338523"/>
              <a:gd name="connsiteX2" fmla="*/ 890748 w 895096"/>
              <a:gd name="connsiteY2" fmla="*/ 4338523 h 4338523"/>
              <a:gd name="connsiteX3" fmla="*/ 905 w 895096"/>
              <a:gd name="connsiteY3" fmla="*/ 3986113 h 4338523"/>
              <a:gd name="connsiteX4" fmla="*/ 621 w 895096"/>
              <a:gd name="connsiteY4" fmla="*/ 329778 h 4338523"/>
              <a:gd name="connsiteX0" fmla="*/ 621 w 895096"/>
              <a:gd name="connsiteY0" fmla="*/ 329778 h 4346675"/>
              <a:gd name="connsiteX1" fmla="*/ 895096 w 895096"/>
              <a:gd name="connsiteY1" fmla="*/ 0 h 4346675"/>
              <a:gd name="connsiteX2" fmla="*/ 887220 w 895096"/>
              <a:gd name="connsiteY2" fmla="*/ 4346675 h 4346675"/>
              <a:gd name="connsiteX3" fmla="*/ 905 w 895096"/>
              <a:gd name="connsiteY3" fmla="*/ 3986113 h 4346675"/>
              <a:gd name="connsiteX4" fmla="*/ 621 w 895096"/>
              <a:gd name="connsiteY4" fmla="*/ 329778 h 4346675"/>
              <a:gd name="connsiteX0" fmla="*/ 621 w 895096"/>
              <a:gd name="connsiteY0" fmla="*/ 329778 h 4346675"/>
              <a:gd name="connsiteX1" fmla="*/ 895096 w 895096"/>
              <a:gd name="connsiteY1" fmla="*/ 0 h 4346675"/>
              <a:gd name="connsiteX2" fmla="*/ 887220 w 895096"/>
              <a:gd name="connsiteY2" fmla="*/ 4346675 h 4346675"/>
              <a:gd name="connsiteX3" fmla="*/ 905 w 895096"/>
              <a:gd name="connsiteY3" fmla="*/ 3986113 h 4346675"/>
              <a:gd name="connsiteX4" fmla="*/ 621 w 895096"/>
              <a:gd name="connsiteY4" fmla="*/ 329778 h 4346675"/>
              <a:gd name="connsiteX0" fmla="*/ 621 w 951007"/>
              <a:gd name="connsiteY0" fmla="*/ 329778 h 4477089"/>
              <a:gd name="connsiteX1" fmla="*/ 895096 w 951007"/>
              <a:gd name="connsiteY1" fmla="*/ 0 h 4477089"/>
              <a:gd name="connsiteX2" fmla="*/ 950723 w 951007"/>
              <a:gd name="connsiteY2" fmla="*/ 4477089 h 4477089"/>
              <a:gd name="connsiteX3" fmla="*/ 905 w 951007"/>
              <a:gd name="connsiteY3" fmla="*/ 3986113 h 4477089"/>
              <a:gd name="connsiteX4" fmla="*/ 621 w 951007"/>
              <a:gd name="connsiteY4" fmla="*/ 329778 h 4477089"/>
              <a:gd name="connsiteX0" fmla="*/ 621 w 951061"/>
              <a:gd name="connsiteY0" fmla="*/ 329778 h 4477089"/>
              <a:gd name="connsiteX1" fmla="*/ 895096 w 951061"/>
              <a:gd name="connsiteY1" fmla="*/ 0 h 4477089"/>
              <a:gd name="connsiteX2" fmla="*/ 950723 w 951061"/>
              <a:gd name="connsiteY2" fmla="*/ 4477089 h 4477089"/>
              <a:gd name="connsiteX3" fmla="*/ 905 w 951061"/>
              <a:gd name="connsiteY3" fmla="*/ 3986113 h 4477089"/>
              <a:gd name="connsiteX4" fmla="*/ 621 w 951061"/>
              <a:gd name="connsiteY4" fmla="*/ 329778 h 4477089"/>
              <a:gd name="connsiteX0" fmla="*/ 621 w 898424"/>
              <a:gd name="connsiteY0" fmla="*/ 329778 h 4346673"/>
              <a:gd name="connsiteX1" fmla="*/ 895096 w 898424"/>
              <a:gd name="connsiteY1" fmla="*/ 0 h 4346673"/>
              <a:gd name="connsiteX2" fmla="*/ 887219 w 898424"/>
              <a:gd name="connsiteY2" fmla="*/ 4346673 h 4346673"/>
              <a:gd name="connsiteX3" fmla="*/ 905 w 898424"/>
              <a:gd name="connsiteY3" fmla="*/ 3986113 h 4346673"/>
              <a:gd name="connsiteX4" fmla="*/ 621 w 898424"/>
              <a:gd name="connsiteY4" fmla="*/ 329778 h 4346673"/>
              <a:gd name="connsiteX0" fmla="*/ 621 w 895096"/>
              <a:gd name="connsiteY0" fmla="*/ 329778 h 4346673"/>
              <a:gd name="connsiteX1" fmla="*/ 895096 w 895096"/>
              <a:gd name="connsiteY1" fmla="*/ 0 h 4346673"/>
              <a:gd name="connsiteX2" fmla="*/ 887219 w 895096"/>
              <a:gd name="connsiteY2" fmla="*/ 4346673 h 4346673"/>
              <a:gd name="connsiteX3" fmla="*/ 905 w 895096"/>
              <a:gd name="connsiteY3" fmla="*/ 3986113 h 4346673"/>
              <a:gd name="connsiteX4" fmla="*/ 621 w 895096"/>
              <a:gd name="connsiteY4" fmla="*/ 329778 h 43466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95096" h="4346673">
                <a:moveTo>
                  <a:pt x="621" y="329778"/>
                </a:moveTo>
                <a:lnTo>
                  <a:pt x="895096" y="0"/>
                </a:lnTo>
                <a:cubicBezTo>
                  <a:pt x="886592" y="3299281"/>
                  <a:pt x="892196" y="194412"/>
                  <a:pt x="887219" y="4346673"/>
                </a:cubicBezTo>
                <a:cubicBezTo>
                  <a:pt x="170110" y="4062885"/>
                  <a:pt x="700532" y="4271868"/>
                  <a:pt x="905" y="3986113"/>
                </a:cubicBezTo>
                <a:cubicBezTo>
                  <a:pt x="-1346" y="812634"/>
                  <a:pt x="1407" y="3763113"/>
                  <a:pt x="621" y="329778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prstClr val="black">
                <a:alpha val="18000"/>
              </a:prstClr>
            </a:outerShdw>
          </a:effectLst>
        </p:spPr>
        <p:txBody>
          <a:bodyPr anchor="ctr"/>
          <a:lstStyle>
            <a:lvl1pPr marL="119063" indent="-119063" algn="ctr">
              <a:defRPr sz="90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23286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3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500"/>
                            </p:stCondLst>
                            <p:childTnLst>
                              <p:par>
                                <p:cTn id="1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50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10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750"/>
                            </p:stCondLst>
                            <p:childTnLst>
                              <p:par>
                                <p:cTn id="30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4" grpId="0"/>
      <p:bldP spid="18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/>
      <p:bldP spid="12" grpId="0" animBg="1"/>
    </p:bldLst>
  </p:timing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ScaleContainer"/>
          <p:cNvSpPr/>
          <p:nvPr userDrawn="1">
            <p:custDataLst>
              <p:tags r:id="rId1"/>
            </p:custDataLst>
          </p:nvPr>
        </p:nvSpPr>
        <p:spPr>
          <a:xfrm>
            <a:off x="607350" y="3378538"/>
            <a:ext cx="7615968" cy="273332"/>
          </a:xfrm>
          <a:prstGeom prst="roundRect">
            <a:avLst>
              <a:gd name="adj" fmla="val 100000"/>
            </a:avLst>
          </a:prstGeom>
          <a:solidFill>
            <a:srgbClr val="605850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4511312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ANTT CHART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451365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IMELINE CHART</a:t>
            </a:r>
            <a:endParaRPr lang="en-US" dirty="0"/>
          </a:p>
        </p:txBody>
      </p:sp>
      <p:cxnSp>
        <p:nvCxnSpPr>
          <p:cNvPr id="45" name="Straight Connector 44"/>
          <p:cNvCxnSpPr/>
          <p:nvPr userDrawn="1"/>
        </p:nvCxnSpPr>
        <p:spPr>
          <a:xfrm>
            <a:off x="824440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08808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275857" y="915566"/>
            <a:ext cx="583448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EXT 12 MONTHS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267744" y="493776"/>
            <a:ext cx="586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APACITY GROWTH COST</a:t>
            </a:r>
            <a:endParaRPr lang="en-US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824440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Chart Placeholder 9"/>
          <p:cNvSpPr>
            <a:spLocks noGrp="1"/>
          </p:cNvSpPr>
          <p:nvPr>
            <p:ph type="chart" sz="quarter" idx="43"/>
          </p:nvPr>
        </p:nvSpPr>
        <p:spPr>
          <a:xfrm>
            <a:off x="827087" y="1691988"/>
            <a:ext cx="7561337" cy="3040002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665844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/>
    </p:bldLst>
  </p:timing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 userDrawn="1"/>
        </p:nvGrpSpPr>
        <p:grpSpPr>
          <a:xfrm>
            <a:off x="1052162" y="3337560"/>
            <a:ext cx="7128224" cy="824768"/>
            <a:chOff x="1042416" y="3337560"/>
            <a:chExt cx="7128224" cy="824768"/>
          </a:xfrm>
        </p:grpSpPr>
        <p:cxnSp>
          <p:nvCxnSpPr>
            <p:cNvPr id="5" name="Straight Connector 4"/>
            <p:cNvCxnSpPr/>
            <p:nvPr userDrawn="1"/>
          </p:nvCxnSpPr>
          <p:spPr>
            <a:xfrm>
              <a:off x="1043608" y="3995928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Connector 52"/>
            <p:cNvCxnSpPr/>
            <p:nvPr userDrawn="1"/>
          </p:nvCxnSpPr>
          <p:spPr>
            <a:xfrm>
              <a:off x="1043608" y="4162328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Straight Connector 53"/>
            <p:cNvCxnSpPr/>
            <p:nvPr userDrawn="1"/>
          </p:nvCxnSpPr>
          <p:spPr>
            <a:xfrm>
              <a:off x="1043608" y="3666744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Connector 54"/>
            <p:cNvCxnSpPr/>
            <p:nvPr userDrawn="1"/>
          </p:nvCxnSpPr>
          <p:spPr>
            <a:xfrm>
              <a:off x="1043608" y="3831336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Straight Connector 56"/>
            <p:cNvCxnSpPr/>
            <p:nvPr userDrawn="1"/>
          </p:nvCxnSpPr>
          <p:spPr>
            <a:xfrm>
              <a:off x="1042416" y="3502152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Connector 57"/>
            <p:cNvCxnSpPr/>
            <p:nvPr userDrawn="1"/>
          </p:nvCxnSpPr>
          <p:spPr>
            <a:xfrm>
              <a:off x="1042416" y="3337560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9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5 STEPS PROCESS</a:t>
            </a:r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TEGRATED PROCESS</a:t>
            </a:r>
            <a:endParaRPr lang="en-US" dirty="0"/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/>
          <p:cNvCxnSpPr/>
          <p:nvPr userDrawn="1"/>
        </p:nvCxnSpPr>
        <p:spPr>
          <a:xfrm>
            <a:off x="1106424" y="1635646"/>
            <a:ext cx="11887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/>
          <p:cNvCxnSpPr/>
          <p:nvPr userDrawn="1"/>
        </p:nvCxnSpPr>
        <p:spPr>
          <a:xfrm>
            <a:off x="2404872" y="1635646"/>
            <a:ext cx="11887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 userDrawn="1"/>
        </p:nvCxnSpPr>
        <p:spPr>
          <a:xfrm>
            <a:off x="3694176" y="1637065"/>
            <a:ext cx="11887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/>
          <p:cNvCxnSpPr/>
          <p:nvPr userDrawn="1"/>
        </p:nvCxnSpPr>
        <p:spPr>
          <a:xfrm>
            <a:off x="4983480" y="1637065"/>
            <a:ext cx="182880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/>
          <p:cNvCxnSpPr/>
          <p:nvPr userDrawn="1"/>
        </p:nvCxnSpPr>
        <p:spPr>
          <a:xfrm>
            <a:off x="6931152" y="1635646"/>
            <a:ext cx="11887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1106424" y="1721774"/>
            <a:ext cx="1188720" cy="224774"/>
          </a:xfrm>
          <a:prstGeom prst="rect">
            <a:avLst/>
          </a:prstGeom>
          <a:solidFill>
            <a:srgbClr val="968B7F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1</a:t>
            </a:r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144" hasCustomPrompt="1"/>
          </p:nvPr>
        </p:nvSpPr>
        <p:spPr>
          <a:xfrm>
            <a:off x="2404872" y="1721774"/>
            <a:ext cx="1188720" cy="224774"/>
          </a:xfrm>
          <a:prstGeom prst="rect">
            <a:avLst/>
          </a:prstGeom>
          <a:solidFill>
            <a:srgbClr val="968B7F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2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3694176" y="1721774"/>
            <a:ext cx="1188720" cy="224774"/>
          </a:xfrm>
          <a:prstGeom prst="rect">
            <a:avLst/>
          </a:prstGeom>
          <a:solidFill>
            <a:srgbClr val="968B7F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3</a:t>
            </a:r>
            <a:endParaRPr lang="en-US" dirty="0"/>
          </a:p>
        </p:txBody>
      </p:sp>
      <p:sp>
        <p:nvSpPr>
          <p:cNvPr id="45" name="Text Placeholder 27"/>
          <p:cNvSpPr>
            <a:spLocks noGrp="1"/>
          </p:cNvSpPr>
          <p:nvPr>
            <p:ph type="body" sz="quarter" idx="146" hasCustomPrompt="1"/>
          </p:nvPr>
        </p:nvSpPr>
        <p:spPr>
          <a:xfrm>
            <a:off x="4987719" y="1721774"/>
            <a:ext cx="1828800" cy="224774"/>
          </a:xfrm>
          <a:prstGeom prst="rect">
            <a:avLst/>
          </a:prstGeom>
          <a:solidFill>
            <a:srgbClr val="73BCB1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4</a:t>
            </a:r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6931152" y="1721774"/>
            <a:ext cx="1188720" cy="224774"/>
          </a:xfrm>
          <a:prstGeom prst="rect">
            <a:avLst/>
          </a:prstGeom>
          <a:solidFill>
            <a:srgbClr val="968B7F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5</a:t>
            </a:r>
            <a:endParaRPr lang="en-US" dirty="0"/>
          </a:p>
        </p:txBody>
      </p:sp>
      <p:sp>
        <p:nvSpPr>
          <p:cNvPr id="47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1023051" y="1995685"/>
            <a:ext cx="1354346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9" name="Text Placeholder 30"/>
          <p:cNvSpPr>
            <a:spLocks noGrp="1"/>
          </p:cNvSpPr>
          <p:nvPr>
            <p:ph type="body" sz="quarter" idx="149"/>
          </p:nvPr>
        </p:nvSpPr>
        <p:spPr>
          <a:xfrm>
            <a:off x="2313432" y="1995685"/>
            <a:ext cx="1342137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3602736" y="1995685"/>
            <a:ext cx="1393121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1" name="Text Placeholder 30"/>
          <p:cNvSpPr>
            <a:spLocks noGrp="1"/>
          </p:cNvSpPr>
          <p:nvPr>
            <p:ph type="body" sz="quarter" idx="151"/>
          </p:nvPr>
        </p:nvSpPr>
        <p:spPr>
          <a:xfrm>
            <a:off x="4891908" y="1995685"/>
            <a:ext cx="2042687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2" name="Text Placeholder 30"/>
          <p:cNvSpPr>
            <a:spLocks noGrp="1"/>
          </p:cNvSpPr>
          <p:nvPr>
            <p:ph type="body" sz="quarter" idx="152"/>
          </p:nvPr>
        </p:nvSpPr>
        <p:spPr>
          <a:xfrm>
            <a:off x="6832430" y="1995685"/>
            <a:ext cx="1406114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2" name="Text Placeholder 30"/>
          <p:cNvSpPr>
            <a:spLocks noGrp="1"/>
          </p:cNvSpPr>
          <p:nvPr>
            <p:ph type="body" sz="quarter" idx="153" hasCustomPrompt="1"/>
          </p:nvPr>
        </p:nvSpPr>
        <p:spPr>
          <a:xfrm>
            <a:off x="748005" y="3342161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50K</a:t>
            </a:r>
          </a:p>
        </p:txBody>
      </p:sp>
      <p:sp>
        <p:nvSpPr>
          <p:cNvPr id="63" name="Text Placeholder 30"/>
          <p:cNvSpPr>
            <a:spLocks noGrp="1"/>
          </p:cNvSpPr>
          <p:nvPr>
            <p:ph type="body" sz="quarter" idx="154" hasCustomPrompt="1"/>
          </p:nvPr>
        </p:nvSpPr>
        <p:spPr>
          <a:xfrm>
            <a:off x="748005" y="3508560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40K</a:t>
            </a:r>
          </a:p>
        </p:txBody>
      </p:sp>
      <p:sp>
        <p:nvSpPr>
          <p:cNvPr id="64" name="Text Placeholder 30"/>
          <p:cNvSpPr>
            <a:spLocks noGrp="1"/>
          </p:cNvSpPr>
          <p:nvPr>
            <p:ph type="body" sz="quarter" idx="155" hasCustomPrompt="1"/>
          </p:nvPr>
        </p:nvSpPr>
        <p:spPr>
          <a:xfrm>
            <a:off x="748005" y="3671714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30K</a:t>
            </a:r>
          </a:p>
        </p:txBody>
      </p:sp>
      <p:sp>
        <p:nvSpPr>
          <p:cNvPr id="65" name="Text Placeholder 30"/>
          <p:cNvSpPr>
            <a:spLocks noGrp="1"/>
          </p:cNvSpPr>
          <p:nvPr>
            <p:ph type="body" sz="quarter" idx="156" hasCustomPrompt="1"/>
          </p:nvPr>
        </p:nvSpPr>
        <p:spPr>
          <a:xfrm>
            <a:off x="748005" y="3837746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K</a:t>
            </a:r>
          </a:p>
        </p:txBody>
      </p:sp>
      <p:sp>
        <p:nvSpPr>
          <p:cNvPr id="66" name="Text Placeholder 30"/>
          <p:cNvSpPr>
            <a:spLocks noGrp="1"/>
          </p:cNvSpPr>
          <p:nvPr>
            <p:ph type="body" sz="quarter" idx="157" hasCustomPrompt="1"/>
          </p:nvPr>
        </p:nvSpPr>
        <p:spPr>
          <a:xfrm>
            <a:off x="748005" y="4002338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0K</a:t>
            </a:r>
          </a:p>
        </p:txBody>
      </p:sp>
      <p:cxnSp>
        <p:nvCxnSpPr>
          <p:cNvPr id="22" name="Straight Connector 21"/>
          <p:cNvCxnSpPr/>
          <p:nvPr userDrawn="1"/>
        </p:nvCxnSpPr>
        <p:spPr>
          <a:xfrm>
            <a:off x="4930280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 userDrawn="1"/>
        </p:nvCxnSpPr>
        <p:spPr>
          <a:xfrm>
            <a:off x="6874496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/>
          <p:cNvCxnSpPr/>
          <p:nvPr userDrawn="1"/>
        </p:nvCxnSpPr>
        <p:spPr>
          <a:xfrm>
            <a:off x="8170640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/>
          <p:cNvCxnSpPr/>
          <p:nvPr userDrawn="1"/>
        </p:nvCxnSpPr>
        <p:spPr>
          <a:xfrm>
            <a:off x="3633353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/>
          <p:cNvCxnSpPr/>
          <p:nvPr userDrawn="1"/>
        </p:nvCxnSpPr>
        <p:spPr>
          <a:xfrm>
            <a:off x="2354041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482075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0"/>
                            </p:stCondLst>
                            <p:childTnLst>
                              <p:par>
                                <p:cTn id="34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6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550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6000"/>
                            </p:stCondLst>
                            <p:childTnLst>
                              <p:par>
                                <p:cTn id="4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7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650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7000"/>
                            </p:stCondLst>
                            <p:childTnLst>
                              <p:par>
                                <p:cTn id="56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8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7500"/>
                            </p:stCondLst>
                            <p:childTnLst>
                              <p:par>
                                <p:cTn id="6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8000"/>
                            </p:stCondLst>
                            <p:childTnLst>
                              <p:par>
                                <p:cTn id="6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9" dur="500"/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8500"/>
                            </p:stCondLst>
                            <p:childTnLst>
                              <p:par>
                                <p:cTn id="71" presetID="22" presetClass="entr" presetSubtype="1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3" dur="6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22" presetClass="entr" presetSubtype="1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6" dur="6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22" presetClass="entr" presetSubtype="1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9" dur="6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22" presetClass="entr" presetSubtype="1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2" dur="6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22" presetClass="entr" presetSubtype="1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5" dur="6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10350"/>
                            </p:stCondLst>
                            <p:childTnLst>
                              <p:par>
                                <p:cTn id="8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400"/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400"/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400"/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400"/>
                                        <p:tgtEl>
                                          <p:spTgt spid="6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400"/>
                                        <p:tgtEl>
                                          <p:spTgt spid="6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 build="p">
        <p:tmplLst>
          <p:tmpl lvl="1"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899592" y="1923678"/>
            <a:ext cx="5193742" cy="2664296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572244" y="915566"/>
            <a:ext cx="4538500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LUMN CHART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563888" y="486000"/>
            <a:ext cx="4559731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GROWTH 01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30"/>
          <p:cNvSpPr>
            <a:spLocks noGrp="1"/>
          </p:cNvSpPr>
          <p:nvPr>
            <p:ph type="body" sz="quarter" idx="218"/>
          </p:nvPr>
        </p:nvSpPr>
        <p:spPr>
          <a:xfrm>
            <a:off x="6444208" y="1923678"/>
            <a:ext cx="1872208" cy="2160240"/>
          </a:xfrm>
          <a:prstGeom prst="rect">
            <a:avLst/>
          </a:prstGeom>
        </p:spPr>
        <p:txBody>
          <a:bodyPr lIns="91440" tIns="45720" rIns="91440" bIns="0" anchor="ctr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7545552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3635896" y="1635646"/>
            <a:ext cx="4617678" cy="2880320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218"/>
          </p:nvPr>
        </p:nvSpPr>
        <p:spPr>
          <a:xfrm>
            <a:off x="827584" y="2355726"/>
            <a:ext cx="2664296" cy="1728192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755978" y="915566"/>
            <a:ext cx="4186014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755576" y="483518"/>
            <a:ext cx="420559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GROWTH 02</a:t>
            </a:r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5076056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21887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7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able Placeholder 22"/>
          <p:cNvSpPr>
            <a:spLocks noGrp="1"/>
          </p:cNvSpPr>
          <p:nvPr>
            <p:ph type="tbl" sz="quarter" idx="190"/>
          </p:nvPr>
        </p:nvSpPr>
        <p:spPr>
          <a:xfrm>
            <a:off x="827584" y="1828800"/>
            <a:ext cx="7560840" cy="2449513"/>
          </a:xfrm>
          <a:prstGeom prst="rect">
            <a:avLst/>
          </a:prstGeom>
        </p:spPr>
        <p:txBody>
          <a:bodyPr/>
          <a:lstStyle/>
          <a:p>
            <a:endParaRPr lang="th-TH" dirty="0"/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2790000" y="1851670"/>
            <a:ext cx="1368000" cy="83035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4194000" y="1851670"/>
            <a:ext cx="1368000" cy="83035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188" hasCustomPrompt="1"/>
          </p:nvPr>
        </p:nvSpPr>
        <p:spPr>
          <a:xfrm>
            <a:off x="5594400" y="1851670"/>
            <a:ext cx="1368000" cy="83035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89" hasCustomPrompt="1"/>
          </p:nvPr>
        </p:nvSpPr>
        <p:spPr>
          <a:xfrm>
            <a:off x="6998400" y="1851670"/>
            <a:ext cx="1368000" cy="83035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425481" y="915566"/>
            <a:ext cx="5685263" cy="360040"/>
          </a:xfrm>
          <a:prstGeom prst="rect">
            <a:avLst/>
          </a:prstGeom>
        </p:spPr>
        <p:txBody>
          <a:bodyPr anchor="ctr"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11760" y="483518"/>
            <a:ext cx="5711859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ABLE MATRIX CHART 01</a:t>
            </a:r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075787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00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17" grpId="0" animBg="1"/>
      <p:bldP spid="19" grpId="0" animBg="1"/>
      <p:bldP spid="20" grpId="0" animBg="1"/>
      <p:bldP spid="10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3518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ABLE MATRIX CHART 02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3163824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4032504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88" hasCustomPrompt="1"/>
          </p:nvPr>
        </p:nvSpPr>
        <p:spPr>
          <a:xfrm>
            <a:off x="4901184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189" hasCustomPrompt="1"/>
          </p:nvPr>
        </p:nvSpPr>
        <p:spPr>
          <a:xfrm>
            <a:off x="5760720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6629400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191" hasCustomPrompt="1"/>
          </p:nvPr>
        </p:nvSpPr>
        <p:spPr>
          <a:xfrm>
            <a:off x="7498080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59767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53" presetClass="entr" presetSubtype="16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/>
      <p:bldP spid="11" grpId="0"/>
      <p:bldP spid="12" grpId="0"/>
      <p:bldP spid="13" grpId="0"/>
      <p:bldP spid="14" grpId="0"/>
      <p:bldP spid="15" grpId="0"/>
    </p:bldLst>
  </p:timing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ounded Rectangle 2"/>
          <p:cNvSpPr/>
          <p:nvPr userDrawn="1"/>
        </p:nvSpPr>
        <p:spPr>
          <a:xfrm>
            <a:off x="1223628" y="1707654"/>
            <a:ext cx="1872208" cy="2808312"/>
          </a:xfrm>
          <a:prstGeom prst="roundRect">
            <a:avLst>
              <a:gd name="adj" fmla="val 8616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4" name="Rectangle 3"/>
          <p:cNvSpPr/>
          <p:nvPr userDrawn="1"/>
        </p:nvSpPr>
        <p:spPr>
          <a:xfrm>
            <a:off x="1115616" y="2067694"/>
            <a:ext cx="2088232" cy="36004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381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103" hasCustomPrompt="1"/>
          </p:nvPr>
        </p:nvSpPr>
        <p:spPr>
          <a:xfrm>
            <a:off x="1223628" y="2114819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8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$100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223628" y="1792701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ACKAGE A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4716016" y="483518"/>
            <a:ext cx="3684878" cy="79208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27"/>
          </p:nvPr>
        </p:nvSpPr>
        <p:spPr>
          <a:xfrm>
            <a:off x="1223628" y="2461996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28"/>
          </p:nvPr>
        </p:nvSpPr>
        <p:spPr>
          <a:xfrm>
            <a:off x="1223628" y="2732897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129"/>
          </p:nvPr>
        </p:nvSpPr>
        <p:spPr>
          <a:xfrm>
            <a:off x="1223628" y="2997931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30"/>
          </p:nvPr>
        </p:nvSpPr>
        <p:spPr>
          <a:xfrm>
            <a:off x="1223628" y="3277082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31"/>
          </p:nvPr>
        </p:nvSpPr>
        <p:spPr>
          <a:xfrm>
            <a:off x="1223628" y="3547983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32"/>
          </p:nvPr>
        </p:nvSpPr>
        <p:spPr>
          <a:xfrm>
            <a:off x="1223628" y="3813017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tabLst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33"/>
          </p:nvPr>
        </p:nvSpPr>
        <p:spPr>
          <a:xfrm>
            <a:off x="1223628" y="4101049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grpSp>
        <p:nvGrpSpPr>
          <p:cNvPr id="2" name="Group 1"/>
          <p:cNvGrpSpPr/>
          <p:nvPr userDrawn="1"/>
        </p:nvGrpSpPr>
        <p:grpSpPr>
          <a:xfrm>
            <a:off x="1349732" y="2715766"/>
            <a:ext cx="1620000" cy="1633034"/>
            <a:chOff x="1349732" y="2715766"/>
            <a:chExt cx="1620000" cy="1633034"/>
          </a:xfrm>
        </p:grpSpPr>
        <p:cxnSp>
          <p:nvCxnSpPr>
            <p:cNvPr id="26" name="Straight Connector 25"/>
            <p:cNvCxnSpPr/>
            <p:nvPr userDrawn="1"/>
          </p:nvCxnSpPr>
          <p:spPr>
            <a:xfrm>
              <a:off x="1349732" y="2715766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/>
            <p:cNvCxnSpPr/>
            <p:nvPr userDrawn="1"/>
          </p:nvCxnSpPr>
          <p:spPr>
            <a:xfrm>
              <a:off x="1349732" y="29772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/>
            <p:cNvCxnSpPr/>
            <p:nvPr userDrawn="1"/>
          </p:nvCxnSpPr>
          <p:spPr>
            <a:xfrm>
              <a:off x="1349732" y="325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/>
            <p:cNvCxnSpPr/>
            <p:nvPr userDrawn="1"/>
          </p:nvCxnSpPr>
          <p:spPr>
            <a:xfrm>
              <a:off x="1349732" y="352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/>
            <p:cNvCxnSpPr/>
            <p:nvPr userDrawn="1"/>
          </p:nvCxnSpPr>
          <p:spPr>
            <a:xfrm>
              <a:off x="1349732" y="379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/>
            <p:cNvCxnSpPr/>
            <p:nvPr userDrawn="1"/>
          </p:nvCxnSpPr>
          <p:spPr>
            <a:xfrm>
              <a:off x="1349732" y="406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/>
            <p:cNvCxnSpPr/>
            <p:nvPr userDrawn="1"/>
          </p:nvCxnSpPr>
          <p:spPr>
            <a:xfrm>
              <a:off x="1349732" y="43488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1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81958" y="915566"/>
            <a:ext cx="3755978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6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83568" y="483518"/>
            <a:ext cx="377354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ICING TABLE</a:t>
            </a:r>
          </a:p>
        </p:txBody>
      </p:sp>
      <p:cxnSp>
        <p:nvCxnSpPr>
          <p:cNvPr id="63" name="Straight Connector 62"/>
          <p:cNvCxnSpPr/>
          <p:nvPr userDrawn="1"/>
        </p:nvCxnSpPr>
        <p:spPr>
          <a:xfrm>
            <a:off x="457200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Rounded Rectangle 68"/>
          <p:cNvSpPr/>
          <p:nvPr userDrawn="1"/>
        </p:nvSpPr>
        <p:spPr>
          <a:xfrm>
            <a:off x="3635896" y="1707654"/>
            <a:ext cx="1872208" cy="2808312"/>
          </a:xfrm>
          <a:prstGeom prst="roundRect">
            <a:avLst>
              <a:gd name="adj" fmla="val 8616"/>
            </a:avLst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/>
              </a:solidFill>
            </a:endParaRPr>
          </a:p>
        </p:txBody>
      </p:sp>
      <p:sp>
        <p:nvSpPr>
          <p:cNvPr id="70" name="Rectangle 69"/>
          <p:cNvSpPr/>
          <p:nvPr userDrawn="1"/>
        </p:nvSpPr>
        <p:spPr>
          <a:xfrm>
            <a:off x="3527884" y="2067694"/>
            <a:ext cx="2088232" cy="36004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381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71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3635896" y="2114819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8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$200</a:t>
            </a:r>
          </a:p>
        </p:txBody>
      </p:sp>
      <p:sp>
        <p:nvSpPr>
          <p:cNvPr id="72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3635896" y="1792701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ACKAGE B</a:t>
            </a:r>
          </a:p>
        </p:txBody>
      </p:sp>
      <p:sp>
        <p:nvSpPr>
          <p:cNvPr id="73" name="Text Placeholder 27"/>
          <p:cNvSpPr>
            <a:spLocks noGrp="1"/>
          </p:cNvSpPr>
          <p:nvPr>
            <p:ph type="body" sz="quarter" idx="136"/>
          </p:nvPr>
        </p:nvSpPr>
        <p:spPr>
          <a:xfrm>
            <a:off x="3635896" y="2461996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4" name="Text Placeholder 27"/>
          <p:cNvSpPr>
            <a:spLocks noGrp="1"/>
          </p:cNvSpPr>
          <p:nvPr>
            <p:ph type="body" sz="quarter" idx="137"/>
          </p:nvPr>
        </p:nvSpPr>
        <p:spPr>
          <a:xfrm>
            <a:off x="3635896" y="2732897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5" name="Text Placeholder 27"/>
          <p:cNvSpPr>
            <a:spLocks noGrp="1"/>
          </p:cNvSpPr>
          <p:nvPr>
            <p:ph type="body" sz="quarter" idx="138"/>
          </p:nvPr>
        </p:nvSpPr>
        <p:spPr>
          <a:xfrm>
            <a:off x="3635896" y="2997931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6" name="Text Placeholder 27"/>
          <p:cNvSpPr>
            <a:spLocks noGrp="1"/>
          </p:cNvSpPr>
          <p:nvPr>
            <p:ph type="body" sz="quarter" idx="139"/>
          </p:nvPr>
        </p:nvSpPr>
        <p:spPr>
          <a:xfrm>
            <a:off x="3635896" y="3277082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7" name="Text Placeholder 27"/>
          <p:cNvSpPr>
            <a:spLocks noGrp="1"/>
          </p:cNvSpPr>
          <p:nvPr>
            <p:ph type="body" sz="quarter" idx="140"/>
          </p:nvPr>
        </p:nvSpPr>
        <p:spPr>
          <a:xfrm>
            <a:off x="3635896" y="3547983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8" name="Text Placeholder 27"/>
          <p:cNvSpPr>
            <a:spLocks noGrp="1"/>
          </p:cNvSpPr>
          <p:nvPr>
            <p:ph type="body" sz="quarter" idx="141"/>
          </p:nvPr>
        </p:nvSpPr>
        <p:spPr>
          <a:xfrm>
            <a:off x="3635896" y="3813017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tabLst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9" name="Text Placeholder 27"/>
          <p:cNvSpPr>
            <a:spLocks noGrp="1"/>
          </p:cNvSpPr>
          <p:nvPr>
            <p:ph type="body" sz="quarter" idx="142"/>
          </p:nvPr>
        </p:nvSpPr>
        <p:spPr>
          <a:xfrm>
            <a:off x="3635896" y="4101049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grpSp>
        <p:nvGrpSpPr>
          <p:cNvPr id="6" name="Group 5"/>
          <p:cNvGrpSpPr/>
          <p:nvPr userDrawn="1"/>
        </p:nvGrpSpPr>
        <p:grpSpPr>
          <a:xfrm>
            <a:off x="3762000" y="2715766"/>
            <a:ext cx="1620000" cy="1633034"/>
            <a:chOff x="3762000" y="2715766"/>
            <a:chExt cx="1620000" cy="1633034"/>
          </a:xfrm>
        </p:grpSpPr>
        <p:cxnSp>
          <p:nvCxnSpPr>
            <p:cNvPr id="80" name="Straight Connector 79"/>
            <p:cNvCxnSpPr/>
            <p:nvPr userDrawn="1"/>
          </p:nvCxnSpPr>
          <p:spPr>
            <a:xfrm>
              <a:off x="3762000" y="2715766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Straight Connector 80"/>
            <p:cNvCxnSpPr/>
            <p:nvPr userDrawn="1"/>
          </p:nvCxnSpPr>
          <p:spPr>
            <a:xfrm>
              <a:off x="3762000" y="29772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" name="Straight Connector 81"/>
            <p:cNvCxnSpPr/>
            <p:nvPr userDrawn="1"/>
          </p:nvCxnSpPr>
          <p:spPr>
            <a:xfrm>
              <a:off x="3762000" y="325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3" name="Straight Connector 82"/>
            <p:cNvCxnSpPr/>
            <p:nvPr userDrawn="1"/>
          </p:nvCxnSpPr>
          <p:spPr>
            <a:xfrm>
              <a:off x="3762000" y="352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4" name="Straight Connector 83"/>
            <p:cNvCxnSpPr/>
            <p:nvPr userDrawn="1"/>
          </p:nvCxnSpPr>
          <p:spPr>
            <a:xfrm>
              <a:off x="3762000" y="379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5" name="Straight Connector 84"/>
            <p:cNvCxnSpPr/>
            <p:nvPr userDrawn="1"/>
          </p:nvCxnSpPr>
          <p:spPr>
            <a:xfrm>
              <a:off x="3762000" y="406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6" name="Straight Connector 85"/>
            <p:cNvCxnSpPr/>
            <p:nvPr userDrawn="1"/>
          </p:nvCxnSpPr>
          <p:spPr>
            <a:xfrm>
              <a:off x="3762000" y="43488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05" name="Rounded Rectangle 104"/>
          <p:cNvSpPr/>
          <p:nvPr userDrawn="1"/>
        </p:nvSpPr>
        <p:spPr>
          <a:xfrm>
            <a:off x="6048164" y="1707654"/>
            <a:ext cx="1872208" cy="2808312"/>
          </a:xfrm>
          <a:prstGeom prst="roundRect">
            <a:avLst>
              <a:gd name="adj" fmla="val 8616"/>
            </a:avLst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6" name="Rectangle 105"/>
          <p:cNvSpPr/>
          <p:nvPr userDrawn="1"/>
        </p:nvSpPr>
        <p:spPr>
          <a:xfrm>
            <a:off x="5940152" y="2067694"/>
            <a:ext cx="2088232" cy="36004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381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7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6048164" y="2114819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8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$300</a:t>
            </a:r>
          </a:p>
        </p:txBody>
      </p:sp>
      <p:sp>
        <p:nvSpPr>
          <p:cNvPr id="108" name="Text Placeholder 27"/>
          <p:cNvSpPr>
            <a:spLocks noGrp="1"/>
          </p:cNvSpPr>
          <p:nvPr>
            <p:ph type="body" sz="quarter" idx="144" hasCustomPrompt="1"/>
          </p:nvPr>
        </p:nvSpPr>
        <p:spPr>
          <a:xfrm>
            <a:off x="6048164" y="1792701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ACKAGE C</a:t>
            </a:r>
          </a:p>
        </p:txBody>
      </p:sp>
      <p:sp>
        <p:nvSpPr>
          <p:cNvPr id="109" name="Text Placeholder 27"/>
          <p:cNvSpPr>
            <a:spLocks noGrp="1"/>
          </p:cNvSpPr>
          <p:nvPr>
            <p:ph type="body" sz="quarter" idx="145"/>
          </p:nvPr>
        </p:nvSpPr>
        <p:spPr>
          <a:xfrm>
            <a:off x="6048164" y="2461996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0" name="Text Placeholder 27"/>
          <p:cNvSpPr>
            <a:spLocks noGrp="1"/>
          </p:cNvSpPr>
          <p:nvPr>
            <p:ph type="body" sz="quarter" idx="146"/>
          </p:nvPr>
        </p:nvSpPr>
        <p:spPr>
          <a:xfrm>
            <a:off x="6048164" y="2732897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1" name="Text Placeholder 27"/>
          <p:cNvSpPr>
            <a:spLocks noGrp="1"/>
          </p:cNvSpPr>
          <p:nvPr>
            <p:ph type="body" sz="quarter" idx="147"/>
          </p:nvPr>
        </p:nvSpPr>
        <p:spPr>
          <a:xfrm>
            <a:off x="6048164" y="2997931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2" name="Text Placeholder 27"/>
          <p:cNvSpPr>
            <a:spLocks noGrp="1"/>
          </p:cNvSpPr>
          <p:nvPr>
            <p:ph type="body" sz="quarter" idx="148"/>
          </p:nvPr>
        </p:nvSpPr>
        <p:spPr>
          <a:xfrm>
            <a:off x="6048164" y="3277082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3" name="Text Placeholder 27"/>
          <p:cNvSpPr>
            <a:spLocks noGrp="1"/>
          </p:cNvSpPr>
          <p:nvPr>
            <p:ph type="body" sz="quarter" idx="149"/>
          </p:nvPr>
        </p:nvSpPr>
        <p:spPr>
          <a:xfrm>
            <a:off x="6048164" y="3547983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4" name="Text Placeholder 27"/>
          <p:cNvSpPr>
            <a:spLocks noGrp="1"/>
          </p:cNvSpPr>
          <p:nvPr>
            <p:ph type="body" sz="quarter" idx="150"/>
          </p:nvPr>
        </p:nvSpPr>
        <p:spPr>
          <a:xfrm>
            <a:off x="6048164" y="3813017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tabLst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5" name="Text Placeholder 27"/>
          <p:cNvSpPr>
            <a:spLocks noGrp="1"/>
          </p:cNvSpPr>
          <p:nvPr>
            <p:ph type="body" sz="quarter" idx="151"/>
          </p:nvPr>
        </p:nvSpPr>
        <p:spPr>
          <a:xfrm>
            <a:off x="6048164" y="4101049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grpSp>
        <p:nvGrpSpPr>
          <p:cNvPr id="7" name="Group 6"/>
          <p:cNvGrpSpPr/>
          <p:nvPr userDrawn="1"/>
        </p:nvGrpSpPr>
        <p:grpSpPr>
          <a:xfrm>
            <a:off x="6174268" y="2715766"/>
            <a:ext cx="1620000" cy="1633034"/>
            <a:chOff x="6174268" y="2715766"/>
            <a:chExt cx="1620000" cy="1633034"/>
          </a:xfrm>
        </p:grpSpPr>
        <p:cxnSp>
          <p:nvCxnSpPr>
            <p:cNvPr id="116" name="Straight Connector 115"/>
            <p:cNvCxnSpPr/>
            <p:nvPr userDrawn="1"/>
          </p:nvCxnSpPr>
          <p:spPr>
            <a:xfrm>
              <a:off x="6174268" y="2715766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 userDrawn="1"/>
          </p:nvCxnSpPr>
          <p:spPr>
            <a:xfrm>
              <a:off x="6174268" y="29772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/>
            <p:nvPr userDrawn="1"/>
          </p:nvCxnSpPr>
          <p:spPr>
            <a:xfrm>
              <a:off x="6174268" y="325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 userDrawn="1"/>
          </p:nvCxnSpPr>
          <p:spPr>
            <a:xfrm>
              <a:off x="6174268" y="352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 userDrawn="1"/>
          </p:nvCxnSpPr>
          <p:spPr>
            <a:xfrm>
              <a:off x="6174268" y="379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 userDrawn="1"/>
          </p:nvCxnSpPr>
          <p:spPr>
            <a:xfrm>
              <a:off x="6174268" y="406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Straight Connector 121"/>
            <p:cNvCxnSpPr/>
            <p:nvPr userDrawn="1"/>
          </p:nvCxnSpPr>
          <p:spPr>
            <a:xfrm>
              <a:off x="6174268" y="43488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4600947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7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7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7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50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0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6250"/>
                            </p:stCondLst>
                            <p:childTnLst>
                              <p:par>
                                <p:cTn id="59" presetID="22" presetClass="entr" presetSubtype="1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1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22" presetClass="entr" presetSubtype="1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4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22" presetClass="entr" presetSubtype="1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7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1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2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9" grpId="0" animBg="1"/>
      <p:bldP spid="70" grpId="0" animBg="1"/>
      <p:bldP spid="7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5" grpId="0" animBg="1"/>
      <p:bldP spid="106" grpId="0" animBg="1"/>
      <p:bldP spid="10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551" y="1429232"/>
            <a:ext cx="5608091" cy="3230749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>
          <a:xfrm>
            <a:off x="1269078" y="1633618"/>
            <a:ext cx="4165169" cy="2685155"/>
          </a:xfrm>
          <a:prstGeom prst="rect">
            <a:avLst/>
          </a:prstGeom>
          <a:solidFill>
            <a:srgbClr val="EEEE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Media Placeholder 18"/>
          <p:cNvSpPr>
            <a:spLocks noGrp="1"/>
          </p:cNvSpPr>
          <p:nvPr>
            <p:ph type="media" sz="quarter" idx="21" hasCustomPrompt="1"/>
          </p:nvPr>
        </p:nvSpPr>
        <p:spPr>
          <a:xfrm>
            <a:off x="1512580" y="2286001"/>
            <a:ext cx="3664970" cy="1875454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/>
          <a:lstStyle>
            <a:lvl1pPr marL="0" indent="0">
              <a:buNone/>
              <a:defRPr sz="1100" baseline="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Add media</a:t>
            </a:r>
          </a:p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5940152" y="1511494"/>
            <a:ext cx="2664296" cy="2030179"/>
          </a:xfrm>
          <a:prstGeom prst="rect">
            <a:avLst/>
          </a:prstGeom>
        </p:spPr>
        <p:txBody>
          <a:bodyPr tIns="9144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1367412" y="772576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C BOOK PRO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1360732" y="340528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RPORATE VIDEO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8676456" y="340528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43" hasCustomPrompt="1"/>
          </p:nvPr>
        </p:nvSpPr>
        <p:spPr>
          <a:xfrm>
            <a:off x="1512580" y="1778793"/>
            <a:ext cx="3664967" cy="243907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9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owerPoint Presentation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44"/>
          </p:nvPr>
        </p:nvSpPr>
        <p:spPr>
          <a:xfrm>
            <a:off x="1512580" y="1967803"/>
            <a:ext cx="3664967" cy="243907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700" b="0" spc="7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" name="Picture Placeholder 6"/>
          <p:cNvSpPr>
            <a:spLocks noGrp="1" noChangeAspect="1"/>
          </p:cNvSpPr>
          <p:nvPr>
            <p:ph type="pic" sz="quarter" idx="49" hasCustomPrompt="1"/>
          </p:nvPr>
        </p:nvSpPr>
        <p:spPr>
          <a:xfrm>
            <a:off x="6037393" y="3541673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1" name="Picture Placeholder 6"/>
          <p:cNvSpPr>
            <a:spLocks noGrp="1" noChangeAspect="1"/>
          </p:cNvSpPr>
          <p:nvPr>
            <p:ph type="pic" sz="quarter" idx="50" hasCustomPrompt="1"/>
          </p:nvPr>
        </p:nvSpPr>
        <p:spPr>
          <a:xfrm>
            <a:off x="6653547" y="3541673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3" name="Picture Placeholder 6"/>
          <p:cNvSpPr>
            <a:spLocks noGrp="1" noChangeAspect="1"/>
          </p:cNvSpPr>
          <p:nvPr>
            <p:ph type="pic" sz="quarter" idx="51" hasCustomPrompt="1"/>
          </p:nvPr>
        </p:nvSpPr>
        <p:spPr>
          <a:xfrm>
            <a:off x="7265529" y="3541673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5" name="Picture Placeholder 6"/>
          <p:cNvSpPr>
            <a:spLocks noGrp="1" noChangeAspect="1"/>
          </p:cNvSpPr>
          <p:nvPr>
            <p:ph type="pic" sz="quarter" idx="52" hasCustomPrompt="1"/>
          </p:nvPr>
        </p:nvSpPr>
        <p:spPr>
          <a:xfrm>
            <a:off x="7877511" y="3541673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</p:spTree>
    <p:extLst>
      <p:ext uri="{BB962C8B-B14F-4D97-AF65-F5344CB8AC3E}">
        <p14:creationId xmlns:p14="http://schemas.microsoft.com/office/powerpoint/2010/main" val="36061632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1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3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850"/>
                            </p:stCondLst>
                            <p:childTnLst>
                              <p:par>
                                <p:cTn id="28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2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63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7350"/>
                            </p:stCondLst>
                            <p:childTnLst>
                              <p:par>
                                <p:cTn id="36" presetID="22" presetClass="entr" presetSubtype="1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8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8850"/>
                            </p:stCondLst>
                            <p:childTnLst>
                              <p:par>
                                <p:cTn id="40" presetID="47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5" presetID="47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0" presetID="47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5" presetID="47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9" grpId="0" animBg="1"/>
      <p:bldP spid="17" grpId="0">
        <p:tmplLst>
          <p:tmpl>
            <p:tnLst>
              <p:par>
                <p:cTn presetID="22" presetClass="entr" presetSubtype="1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/>
      <p:bldP spid="21" grpId="0"/>
      <p:bldP spid="23" grpId="0"/>
      <p:bldP spid="25" grpId="0"/>
    </p:bldLst>
  </p:timing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779370" y="915566"/>
            <a:ext cx="3599032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781714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OBILE ANALYSIS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4512466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8184" y="789407"/>
            <a:ext cx="1844146" cy="3798567"/>
          </a:xfrm>
          <a:prstGeom prst="rect">
            <a:avLst/>
          </a:prstGeom>
          <a:ln>
            <a:noFill/>
          </a:ln>
          <a:effectLst>
            <a:outerShdw blurRad="317500" dist="88900" dir="3600000" sx="90000" sy="90000" algn="tl" rotWithShape="0">
              <a:srgbClr val="333333">
                <a:alpha val="20000"/>
              </a:srgbClr>
            </a:outerShdw>
          </a:effectLst>
        </p:spPr>
      </p:pic>
      <p:sp>
        <p:nvSpPr>
          <p:cNvPr id="7" name="Text Placeholder 30"/>
          <p:cNvSpPr>
            <a:spLocks noGrp="1"/>
          </p:cNvSpPr>
          <p:nvPr>
            <p:ph type="body" sz="quarter" idx="84"/>
          </p:nvPr>
        </p:nvSpPr>
        <p:spPr>
          <a:xfrm>
            <a:off x="6749408" y="1441785"/>
            <a:ext cx="1152128" cy="572626"/>
          </a:xfrm>
          <a:prstGeom prst="rect">
            <a:avLst/>
          </a:prstGeom>
          <a:noFill/>
        </p:spPr>
        <p:txBody>
          <a:bodyPr lIns="73152" tIns="0" rIns="73152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511648" y="2017849"/>
            <a:ext cx="1316736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 Placeholder 30"/>
          <p:cNvSpPr>
            <a:spLocks noGrp="1"/>
          </p:cNvSpPr>
          <p:nvPr>
            <p:ph type="body" sz="quarter" idx="88"/>
          </p:nvPr>
        </p:nvSpPr>
        <p:spPr>
          <a:xfrm>
            <a:off x="6753936" y="2089857"/>
            <a:ext cx="1152128" cy="572626"/>
          </a:xfrm>
          <a:prstGeom prst="rect">
            <a:avLst/>
          </a:prstGeom>
          <a:noFill/>
        </p:spPr>
        <p:txBody>
          <a:bodyPr lIns="73152" tIns="0" rIns="73152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6516176" y="2665921"/>
            <a:ext cx="1316736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 Placeholder 30"/>
          <p:cNvSpPr>
            <a:spLocks noGrp="1"/>
          </p:cNvSpPr>
          <p:nvPr>
            <p:ph type="body" sz="quarter" idx="89"/>
          </p:nvPr>
        </p:nvSpPr>
        <p:spPr>
          <a:xfrm>
            <a:off x="6753936" y="2737929"/>
            <a:ext cx="1152128" cy="572626"/>
          </a:xfrm>
          <a:prstGeom prst="rect">
            <a:avLst/>
          </a:prstGeom>
          <a:noFill/>
        </p:spPr>
        <p:txBody>
          <a:bodyPr lIns="73152" tIns="0" rIns="73152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3" name="Straight Connector 22"/>
          <p:cNvCxnSpPr/>
          <p:nvPr userDrawn="1"/>
        </p:nvCxnSpPr>
        <p:spPr>
          <a:xfrm>
            <a:off x="6516176" y="3313993"/>
            <a:ext cx="1316736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30"/>
          <p:cNvSpPr>
            <a:spLocks noGrp="1"/>
          </p:cNvSpPr>
          <p:nvPr>
            <p:ph type="body" sz="quarter" idx="90"/>
          </p:nvPr>
        </p:nvSpPr>
        <p:spPr>
          <a:xfrm>
            <a:off x="6753936" y="3386001"/>
            <a:ext cx="1152128" cy="572626"/>
          </a:xfrm>
          <a:prstGeom prst="rect">
            <a:avLst/>
          </a:prstGeom>
          <a:noFill/>
        </p:spPr>
        <p:txBody>
          <a:bodyPr lIns="73152" tIns="0" rIns="73152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Text Placeholder 35"/>
          <p:cNvSpPr>
            <a:spLocks noGrp="1"/>
          </p:cNvSpPr>
          <p:nvPr>
            <p:ph type="body" sz="quarter" idx="250" hasCustomPrompt="1"/>
          </p:nvPr>
        </p:nvSpPr>
        <p:spPr>
          <a:xfrm>
            <a:off x="6493360" y="1441785"/>
            <a:ext cx="288032" cy="576064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200" b="0">
                <a:solidFill>
                  <a:schemeClr val="bg1">
                    <a:lumMod val="75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1</a:t>
            </a:r>
            <a:endParaRPr lang="en-US" dirty="0"/>
          </a:p>
        </p:txBody>
      </p:sp>
      <p:sp>
        <p:nvSpPr>
          <p:cNvPr id="27" name="Text Placeholder 35"/>
          <p:cNvSpPr>
            <a:spLocks noGrp="1"/>
          </p:cNvSpPr>
          <p:nvPr>
            <p:ph type="body" sz="quarter" idx="251" hasCustomPrompt="1"/>
          </p:nvPr>
        </p:nvSpPr>
        <p:spPr>
          <a:xfrm>
            <a:off x="6493360" y="2089857"/>
            <a:ext cx="288032" cy="576064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200" b="0">
                <a:solidFill>
                  <a:schemeClr val="bg1">
                    <a:lumMod val="75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2</a:t>
            </a:r>
            <a:endParaRPr lang="en-US" dirty="0"/>
          </a:p>
        </p:txBody>
      </p:sp>
      <p:sp>
        <p:nvSpPr>
          <p:cNvPr id="28" name="Text Placeholder 35"/>
          <p:cNvSpPr>
            <a:spLocks noGrp="1"/>
          </p:cNvSpPr>
          <p:nvPr>
            <p:ph type="body" sz="quarter" idx="252" hasCustomPrompt="1"/>
          </p:nvPr>
        </p:nvSpPr>
        <p:spPr>
          <a:xfrm>
            <a:off x="6493360" y="2737929"/>
            <a:ext cx="288032" cy="576064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200" b="0">
                <a:solidFill>
                  <a:schemeClr val="bg1">
                    <a:lumMod val="75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3</a:t>
            </a:r>
            <a:endParaRPr lang="en-US" dirty="0"/>
          </a:p>
        </p:txBody>
      </p:sp>
      <p:sp>
        <p:nvSpPr>
          <p:cNvPr id="29" name="Text Placeholder 35"/>
          <p:cNvSpPr>
            <a:spLocks noGrp="1"/>
          </p:cNvSpPr>
          <p:nvPr>
            <p:ph type="body" sz="quarter" idx="253" hasCustomPrompt="1"/>
          </p:nvPr>
        </p:nvSpPr>
        <p:spPr>
          <a:xfrm>
            <a:off x="6493360" y="3386001"/>
            <a:ext cx="288032" cy="576064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200" b="0">
                <a:solidFill>
                  <a:schemeClr val="bg1">
                    <a:lumMod val="75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4</a:t>
            </a:r>
            <a:endParaRPr lang="en-US" dirty="0"/>
          </a:p>
        </p:txBody>
      </p:sp>
      <p:sp>
        <p:nvSpPr>
          <p:cNvPr id="30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827584" y="1755659"/>
            <a:ext cx="4464496" cy="2832315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37039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250"/>
                            </p:stCondLst>
                            <p:childTnLst>
                              <p:par>
                                <p:cTn id="3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625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00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75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8500"/>
                            </p:stCondLst>
                            <p:childTnLst>
                              <p:par>
                                <p:cTn id="58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animBg="1"/>
    </p:bldLst>
  </p:timing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Text Placeholder 27"/>
          <p:cNvSpPr>
            <a:spLocks noGrp="1"/>
          </p:cNvSpPr>
          <p:nvPr>
            <p:ph type="body" sz="quarter" idx="176" hasCustomPrompt="1"/>
          </p:nvPr>
        </p:nvSpPr>
        <p:spPr>
          <a:xfrm>
            <a:off x="3923928" y="486000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YRAMID CHART</a:t>
            </a:r>
            <a:endParaRPr lang="en-US" dirty="0"/>
          </a:p>
        </p:txBody>
      </p:sp>
      <p:sp>
        <p:nvSpPr>
          <p:cNvPr id="6" name="Parallelogram 2"/>
          <p:cNvSpPr/>
          <p:nvPr userDrawn="1"/>
        </p:nvSpPr>
        <p:spPr>
          <a:xfrm rot="10800000">
            <a:off x="848633" y="3114639"/>
            <a:ext cx="3457823" cy="1447656"/>
          </a:xfrm>
          <a:custGeom>
            <a:avLst/>
            <a:gdLst>
              <a:gd name="connsiteX0" fmla="*/ 0 w 2232248"/>
              <a:gd name="connsiteY0" fmla="*/ 1678382 h 1678382"/>
              <a:gd name="connsiteX1" fmla="*/ 419596 w 2232248"/>
              <a:gd name="connsiteY1" fmla="*/ 0 h 1678382"/>
              <a:gd name="connsiteX2" fmla="*/ 2232248 w 2232248"/>
              <a:gd name="connsiteY2" fmla="*/ 0 h 1678382"/>
              <a:gd name="connsiteX3" fmla="*/ 1812653 w 2232248"/>
              <a:gd name="connsiteY3" fmla="*/ 1678382 h 1678382"/>
              <a:gd name="connsiteX4" fmla="*/ 0 w 2232248"/>
              <a:gd name="connsiteY4" fmla="*/ 1678382 h 1678382"/>
              <a:gd name="connsiteX0" fmla="*/ 0 w 2232248"/>
              <a:gd name="connsiteY0" fmla="*/ 2401863 h 2401863"/>
              <a:gd name="connsiteX1" fmla="*/ 268871 w 2232248"/>
              <a:gd name="connsiteY1" fmla="*/ 0 h 2401863"/>
              <a:gd name="connsiteX2" fmla="*/ 2232248 w 2232248"/>
              <a:gd name="connsiteY2" fmla="*/ 723481 h 2401863"/>
              <a:gd name="connsiteX3" fmla="*/ 1812653 w 2232248"/>
              <a:gd name="connsiteY3" fmla="*/ 2401863 h 2401863"/>
              <a:gd name="connsiteX4" fmla="*/ 0 w 2232248"/>
              <a:gd name="connsiteY4" fmla="*/ 2401863 h 2401863"/>
              <a:gd name="connsiteX0" fmla="*/ 0 w 2232248"/>
              <a:gd name="connsiteY0" fmla="*/ 2401863 h 2401863"/>
              <a:gd name="connsiteX1" fmla="*/ 268871 w 2232248"/>
              <a:gd name="connsiteY1" fmla="*/ 0 h 2401863"/>
              <a:gd name="connsiteX2" fmla="*/ 2232248 w 2232248"/>
              <a:gd name="connsiteY2" fmla="*/ 693336 h 2401863"/>
              <a:gd name="connsiteX3" fmla="*/ 1812653 w 2232248"/>
              <a:gd name="connsiteY3" fmla="*/ 2401863 h 2401863"/>
              <a:gd name="connsiteX4" fmla="*/ 0 w 2232248"/>
              <a:gd name="connsiteY4" fmla="*/ 2401863 h 2401863"/>
              <a:gd name="connsiteX0" fmla="*/ 0 w 3458147"/>
              <a:gd name="connsiteY0" fmla="*/ 1065433 h 2401863"/>
              <a:gd name="connsiteX1" fmla="*/ 1494770 w 3458147"/>
              <a:gd name="connsiteY1" fmla="*/ 0 h 2401863"/>
              <a:gd name="connsiteX2" fmla="*/ 3458147 w 3458147"/>
              <a:gd name="connsiteY2" fmla="*/ 693336 h 2401863"/>
              <a:gd name="connsiteX3" fmla="*/ 3038552 w 3458147"/>
              <a:gd name="connsiteY3" fmla="*/ 2401863 h 2401863"/>
              <a:gd name="connsiteX4" fmla="*/ 0 w 3458147"/>
              <a:gd name="connsiteY4" fmla="*/ 1065433 h 2401863"/>
              <a:gd name="connsiteX0" fmla="*/ 0 w 3458147"/>
              <a:gd name="connsiteY0" fmla="*/ 1065433 h 1246302"/>
              <a:gd name="connsiteX1" fmla="*/ 1494770 w 3458147"/>
              <a:gd name="connsiteY1" fmla="*/ 0 h 1246302"/>
              <a:gd name="connsiteX2" fmla="*/ 3458147 w 3458147"/>
              <a:gd name="connsiteY2" fmla="*/ 693336 h 1246302"/>
              <a:gd name="connsiteX3" fmla="*/ 2033717 w 3458147"/>
              <a:gd name="connsiteY3" fmla="*/ 1246302 h 1246302"/>
              <a:gd name="connsiteX4" fmla="*/ 0 w 3458147"/>
              <a:gd name="connsiteY4" fmla="*/ 1065433 h 1246302"/>
              <a:gd name="connsiteX0" fmla="*/ 0 w 3458147"/>
              <a:gd name="connsiteY0" fmla="*/ 1065433 h 1457317"/>
              <a:gd name="connsiteX1" fmla="*/ 1494770 w 3458147"/>
              <a:gd name="connsiteY1" fmla="*/ 0 h 1457317"/>
              <a:gd name="connsiteX2" fmla="*/ 3458147 w 3458147"/>
              <a:gd name="connsiteY2" fmla="*/ 693336 h 1457317"/>
              <a:gd name="connsiteX3" fmla="*/ 1872943 w 3458147"/>
              <a:gd name="connsiteY3" fmla="*/ 1457317 h 1457317"/>
              <a:gd name="connsiteX4" fmla="*/ 0 w 3458147"/>
              <a:gd name="connsiteY4" fmla="*/ 1065433 h 1457317"/>
              <a:gd name="connsiteX0" fmla="*/ 0 w 3471863"/>
              <a:gd name="connsiteY0" fmla="*/ 1056289 h 1457317"/>
              <a:gd name="connsiteX1" fmla="*/ 1508486 w 3471863"/>
              <a:gd name="connsiteY1" fmla="*/ 0 h 1457317"/>
              <a:gd name="connsiteX2" fmla="*/ 3471863 w 3471863"/>
              <a:gd name="connsiteY2" fmla="*/ 693336 h 1457317"/>
              <a:gd name="connsiteX3" fmla="*/ 1886659 w 3471863"/>
              <a:gd name="connsiteY3" fmla="*/ 1457317 h 1457317"/>
              <a:gd name="connsiteX4" fmla="*/ 0 w 3471863"/>
              <a:gd name="connsiteY4" fmla="*/ 1056289 h 1457317"/>
              <a:gd name="connsiteX0" fmla="*/ 0 w 3471863"/>
              <a:gd name="connsiteY0" fmla="*/ 1056289 h 1457317"/>
              <a:gd name="connsiteX1" fmla="*/ 1526774 w 3471863"/>
              <a:gd name="connsiteY1" fmla="*/ 0 h 1457317"/>
              <a:gd name="connsiteX2" fmla="*/ 3471863 w 3471863"/>
              <a:gd name="connsiteY2" fmla="*/ 693336 h 1457317"/>
              <a:gd name="connsiteX3" fmla="*/ 1886659 w 3471863"/>
              <a:gd name="connsiteY3" fmla="*/ 1457317 h 1457317"/>
              <a:gd name="connsiteX4" fmla="*/ 0 w 3471863"/>
              <a:gd name="connsiteY4" fmla="*/ 1056289 h 1457317"/>
              <a:gd name="connsiteX0" fmla="*/ 0 w 3503867"/>
              <a:gd name="connsiteY0" fmla="*/ 1056289 h 1457317"/>
              <a:gd name="connsiteX1" fmla="*/ 1526774 w 3503867"/>
              <a:gd name="connsiteY1" fmla="*/ 0 h 1457317"/>
              <a:gd name="connsiteX2" fmla="*/ 3503867 w 3503867"/>
              <a:gd name="connsiteY2" fmla="*/ 688764 h 1457317"/>
              <a:gd name="connsiteX3" fmla="*/ 1886659 w 3503867"/>
              <a:gd name="connsiteY3" fmla="*/ 1457317 h 1457317"/>
              <a:gd name="connsiteX4" fmla="*/ 0 w 3503867"/>
              <a:gd name="connsiteY4" fmla="*/ 1056289 h 1457317"/>
              <a:gd name="connsiteX0" fmla="*/ 0 w 3503867"/>
              <a:gd name="connsiteY0" fmla="*/ 1056289 h 1434457"/>
              <a:gd name="connsiteX1" fmla="*/ 1526774 w 3503867"/>
              <a:gd name="connsiteY1" fmla="*/ 0 h 1434457"/>
              <a:gd name="connsiteX2" fmla="*/ 3503867 w 3503867"/>
              <a:gd name="connsiteY2" fmla="*/ 688764 h 1434457"/>
              <a:gd name="connsiteX3" fmla="*/ 1827223 w 3503867"/>
              <a:gd name="connsiteY3" fmla="*/ 1434457 h 1434457"/>
              <a:gd name="connsiteX4" fmla="*/ 0 w 3503867"/>
              <a:gd name="connsiteY4" fmla="*/ 1056289 h 1434457"/>
              <a:gd name="connsiteX0" fmla="*/ 0 w 3503867"/>
              <a:gd name="connsiteY0" fmla="*/ 1056289 h 1452745"/>
              <a:gd name="connsiteX1" fmla="*/ 1526774 w 3503867"/>
              <a:gd name="connsiteY1" fmla="*/ 0 h 1452745"/>
              <a:gd name="connsiteX2" fmla="*/ 3503867 w 3503867"/>
              <a:gd name="connsiteY2" fmla="*/ 688764 h 1452745"/>
              <a:gd name="connsiteX3" fmla="*/ 1863799 w 3503867"/>
              <a:gd name="connsiteY3" fmla="*/ 1452745 h 1452745"/>
              <a:gd name="connsiteX4" fmla="*/ 0 w 3503867"/>
              <a:gd name="connsiteY4" fmla="*/ 1056289 h 1452745"/>
              <a:gd name="connsiteX0" fmla="*/ 0 w 3485579"/>
              <a:gd name="connsiteY0" fmla="*/ 1060861 h 1452745"/>
              <a:gd name="connsiteX1" fmla="*/ 1508486 w 3485579"/>
              <a:gd name="connsiteY1" fmla="*/ 0 h 1452745"/>
              <a:gd name="connsiteX2" fmla="*/ 3485579 w 3485579"/>
              <a:gd name="connsiteY2" fmla="*/ 688764 h 1452745"/>
              <a:gd name="connsiteX3" fmla="*/ 1845511 w 3485579"/>
              <a:gd name="connsiteY3" fmla="*/ 1452745 h 1452745"/>
              <a:gd name="connsiteX4" fmla="*/ 0 w 3485579"/>
              <a:gd name="connsiteY4" fmla="*/ 1060861 h 1452745"/>
              <a:gd name="connsiteX0" fmla="*/ 0 w 3499295"/>
              <a:gd name="connsiteY0" fmla="*/ 1060861 h 1452745"/>
              <a:gd name="connsiteX1" fmla="*/ 1522202 w 3499295"/>
              <a:gd name="connsiteY1" fmla="*/ 0 h 1452745"/>
              <a:gd name="connsiteX2" fmla="*/ 3499295 w 3499295"/>
              <a:gd name="connsiteY2" fmla="*/ 688764 h 1452745"/>
              <a:gd name="connsiteX3" fmla="*/ 1859227 w 3499295"/>
              <a:gd name="connsiteY3" fmla="*/ 1452745 h 1452745"/>
              <a:gd name="connsiteX4" fmla="*/ 0 w 3499295"/>
              <a:gd name="connsiteY4" fmla="*/ 1060861 h 1452745"/>
              <a:gd name="connsiteX0" fmla="*/ 0 w 3499295"/>
              <a:gd name="connsiteY0" fmla="*/ 1060861 h 1465019"/>
              <a:gd name="connsiteX1" fmla="*/ 1522202 w 3499295"/>
              <a:gd name="connsiteY1" fmla="*/ 0 h 1465019"/>
              <a:gd name="connsiteX2" fmla="*/ 3499295 w 3499295"/>
              <a:gd name="connsiteY2" fmla="*/ 688764 h 1465019"/>
              <a:gd name="connsiteX3" fmla="*/ 1865363 w 3499295"/>
              <a:gd name="connsiteY3" fmla="*/ 1465019 h 1465019"/>
              <a:gd name="connsiteX4" fmla="*/ 0 w 3499295"/>
              <a:gd name="connsiteY4" fmla="*/ 1060861 h 14650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499295" h="1465019">
                <a:moveTo>
                  <a:pt x="0" y="1060861"/>
                </a:moveTo>
                <a:lnTo>
                  <a:pt x="1522202" y="0"/>
                </a:lnTo>
                <a:lnTo>
                  <a:pt x="3499295" y="688764"/>
                </a:lnTo>
                <a:lnTo>
                  <a:pt x="1865363" y="1465019"/>
                </a:lnTo>
                <a:lnTo>
                  <a:pt x="0" y="1060861"/>
                </a:lnTo>
                <a:close/>
              </a:path>
            </a:pathLst>
          </a:custGeom>
          <a:solidFill>
            <a:srgbClr val="605850"/>
          </a:solidFill>
          <a:ln>
            <a:solidFill>
              <a:srgbClr val="F2F0F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grpSp>
        <p:nvGrpSpPr>
          <p:cNvPr id="2" name="Group 1"/>
          <p:cNvGrpSpPr/>
          <p:nvPr userDrawn="1"/>
        </p:nvGrpSpPr>
        <p:grpSpPr>
          <a:xfrm>
            <a:off x="850820" y="2665977"/>
            <a:ext cx="3461926" cy="1896867"/>
            <a:chOff x="850820" y="2763115"/>
            <a:chExt cx="3461926" cy="1896867"/>
          </a:xfrm>
          <a:solidFill>
            <a:srgbClr val="4C9E92">
              <a:alpha val="90000"/>
            </a:srgbClr>
          </a:solidFill>
        </p:grpSpPr>
        <p:grpSp>
          <p:nvGrpSpPr>
            <p:cNvPr id="4" name="Group 3"/>
            <p:cNvGrpSpPr/>
            <p:nvPr userDrawn="1"/>
          </p:nvGrpSpPr>
          <p:grpSpPr>
            <a:xfrm>
              <a:off x="852009" y="2763115"/>
              <a:ext cx="3450057" cy="1212794"/>
              <a:chOff x="1767104" y="2239230"/>
              <a:chExt cx="3491436" cy="1227340"/>
            </a:xfrm>
            <a:grpFill/>
          </p:grpSpPr>
          <p:sp>
            <p:nvSpPr>
              <p:cNvPr id="21" name="Trapezoid 4"/>
              <p:cNvSpPr/>
              <p:nvPr userDrawn="1"/>
            </p:nvSpPr>
            <p:spPr>
              <a:xfrm>
                <a:off x="1767104" y="2239672"/>
                <a:ext cx="1666704" cy="1226898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1010860 h 1402717"/>
                  <a:gd name="connsiteX1" fmla="*/ 555026 w 1373931"/>
                  <a:gd name="connsiteY1" fmla="*/ 188368 h 1402717"/>
                  <a:gd name="connsiteX2" fmla="*/ 1188729 w 1373931"/>
                  <a:gd name="connsiteY2" fmla="*/ 0 h 1402717"/>
                  <a:gd name="connsiteX3" fmla="*/ 1373931 w 1373931"/>
                  <a:gd name="connsiteY3" fmla="*/ 1402717 h 1402717"/>
                  <a:gd name="connsiteX4" fmla="*/ 0 w 1373931"/>
                  <a:gd name="connsiteY4" fmla="*/ 1010860 h 1402717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16888 w 1188729"/>
                  <a:gd name="connsiteY3" fmla="*/ 736933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2171 w 1188729"/>
                  <a:gd name="connsiteY3" fmla="*/ 513601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6385 w 1188729"/>
                  <a:gd name="connsiteY3" fmla="*/ 534670 h 1010860"/>
                  <a:gd name="connsiteX4" fmla="*/ 0 w 1188729"/>
                  <a:gd name="connsiteY4" fmla="*/ 1010860 h 1010860"/>
                  <a:gd name="connsiteX0" fmla="*/ 0 w 1176087"/>
                  <a:gd name="connsiteY0" fmla="*/ 1006646 h 1006646"/>
                  <a:gd name="connsiteX1" fmla="*/ 555026 w 1176087"/>
                  <a:gd name="connsiteY1" fmla="*/ 184154 h 1006646"/>
                  <a:gd name="connsiteX2" fmla="*/ 1176087 w 1176087"/>
                  <a:gd name="connsiteY2" fmla="*/ 0 h 1006646"/>
                  <a:gd name="connsiteX3" fmla="*/ 1146385 w 1176087"/>
                  <a:gd name="connsiteY3" fmla="*/ 530456 h 1006646"/>
                  <a:gd name="connsiteX4" fmla="*/ 0 w 1176087"/>
                  <a:gd name="connsiteY4" fmla="*/ 1006646 h 1006646"/>
                  <a:gd name="connsiteX0" fmla="*/ 0 w 978037"/>
                  <a:gd name="connsiteY0" fmla="*/ 901300 h 901300"/>
                  <a:gd name="connsiteX1" fmla="*/ 356976 w 978037"/>
                  <a:gd name="connsiteY1" fmla="*/ 184154 h 901300"/>
                  <a:gd name="connsiteX2" fmla="*/ 978037 w 978037"/>
                  <a:gd name="connsiteY2" fmla="*/ 0 h 901300"/>
                  <a:gd name="connsiteX3" fmla="*/ 948335 w 978037"/>
                  <a:gd name="connsiteY3" fmla="*/ 530456 h 901300"/>
                  <a:gd name="connsiteX4" fmla="*/ 0 w 978037"/>
                  <a:gd name="connsiteY4" fmla="*/ 901300 h 901300"/>
                  <a:gd name="connsiteX0" fmla="*/ 0 w 1155018"/>
                  <a:gd name="connsiteY0" fmla="*/ 989790 h 989790"/>
                  <a:gd name="connsiteX1" fmla="*/ 533957 w 1155018"/>
                  <a:gd name="connsiteY1" fmla="*/ 18415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656158 w 1155018"/>
                  <a:gd name="connsiteY1" fmla="*/ 38220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0812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42385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69886"/>
                  <a:gd name="connsiteY0" fmla="*/ 1000941 h 1000941"/>
                  <a:gd name="connsiteX1" fmla="*/ 557253 w 1169886"/>
                  <a:gd name="connsiteY1" fmla="*/ 188368 h 1000941"/>
                  <a:gd name="connsiteX2" fmla="*/ 1169886 w 1169886"/>
                  <a:gd name="connsiteY2" fmla="*/ 0 h 1000941"/>
                  <a:gd name="connsiteX3" fmla="*/ 1140184 w 1169886"/>
                  <a:gd name="connsiteY3" fmla="*/ 530456 h 1000941"/>
                  <a:gd name="connsiteX4" fmla="*/ 0 w 1169886"/>
                  <a:gd name="connsiteY4" fmla="*/ 1000941 h 1000941"/>
                  <a:gd name="connsiteX0" fmla="*/ 0 w 1630838"/>
                  <a:gd name="connsiteY0" fmla="*/ 1000941 h 1000941"/>
                  <a:gd name="connsiteX1" fmla="*/ 557253 w 1630838"/>
                  <a:gd name="connsiteY1" fmla="*/ 188368 h 1000941"/>
                  <a:gd name="connsiteX2" fmla="*/ 1169886 w 1630838"/>
                  <a:gd name="connsiteY2" fmla="*/ 0 h 1000941"/>
                  <a:gd name="connsiteX3" fmla="*/ 1630838 w 1630838"/>
                  <a:gd name="connsiteY3" fmla="*/ 244241 h 1000941"/>
                  <a:gd name="connsiteX4" fmla="*/ 0 w 1630838"/>
                  <a:gd name="connsiteY4" fmla="*/ 1000941 h 1000941"/>
                  <a:gd name="connsiteX0" fmla="*/ 0 w 1653105"/>
                  <a:gd name="connsiteY0" fmla="*/ 1194229 h 1194229"/>
                  <a:gd name="connsiteX1" fmla="*/ 557253 w 1653105"/>
                  <a:gd name="connsiteY1" fmla="*/ 381656 h 1194229"/>
                  <a:gd name="connsiteX2" fmla="*/ 1653105 w 1653105"/>
                  <a:gd name="connsiteY2" fmla="*/ 0 h 1194229"/>
                  <a:gd name="connsiteX3" fmla="*/ 1630838 w 1653105"/>
                  <a:gd name="connsiteY3" fmla="*/ 437529 h 1194229"/>
                  <a:gd name="connsiteX4" fmla="*/ 0 w 1653105"/>
                  <a:gd name="connsiteY4" fmla="*/ 1194229 h 1194229"/>
                  <a:gd name="connsiteX0" fmla="*/ 0 w 1653105"/>
                  <a:gd name="connsiteY0" fmla="*/ 1194229 h 1194229"/>
                  <a:gd name="connsiteX1" fmla="*/ 553536 w 1653105"/>
                  <a:gd name="connsiteY1" fmla="*/ 459714 h 1194229"/>
                  <a:gd name="connsiteX2" fmla="*/ 1653105 w 1653105"/>
                  <a:gd name="connsiteY2" fmla="*/ 0 h 1194229"/>
                  <a:gd name="connsiteX3" fmla="*/ 1630838 w 1653105"/>
                  <a:gd name="connsiteY3" fmla="*/ 437529 h 1194229"/>
                  <a:gd name="connsiteX4" fmla="*/ 0 w 1653105"/>
                  <a:gd name="connsiteY4" fmla="*/ 1194229 h 1194229"/>
                  <a:gd name="connsiteX0" fmla="*/ 0 w 1653105"/>
                  <a:gd name="connsiteY0" fmla="*/ 1194229 h 1194229"/>
                  <a:gd name="connsiteX1" fmla="*/ 508931 w 1653105"/>
                  <a:gd name="connsiteY1" fmla="*/ 455997 h 1194229"/>
                  <a:gd name="connsiteX2" fmla="*/ 1653105 w 1653105"/>
                  <a:gd name="connsiteY2" fmla="*/ 0 h 1194229"/>
                  <a:gd name="connsiteX3" fmla="*/ 1630838 w 1653105"/>
                  <a:gd name="connsiteY3" fmla="*/ 437529 h 1194229"/>
                  <a:gd name="connsiteX4" fmla="*/ 0 w 1653105"/>
                  <a:gd name="connsiteY4" fmla="*/ 1194229 h 1194229"/>
                  <a:gd name="connsiteX0" fmla="*/ 0 w 1653105"/>
                  <a:gd name="connsiteY0" fmla="*/ 1194229 h 1194229"/>
                  <a:gd name="connsiteX1" fmla="*/ 497780 w 1653105"/>
                  <a:gd name="connsiteY1" fmla="*/ 470866 h 1194229"/>
                  <a:gd name="connsiteX2" fmla="*/ 1653105 w 1653105"/>
                  <a:gd name="connsiteY2" fmla="*/ 0 h 1194229"/>
                  <a:gd name="connsiteX3" fmla="*/ 1630838 w 1653105"/>
                  <a:gd name="connsiteY3" fmla="*/ 437529 h 1194229"/>
                  <a:gd name="connsiteX4" fmla="*/ 0 w 1653105"/>
                  <a:gd name="connsiteY4" fmla="*/ 1194229 h 1194229"/>
                  <a:gd name="connsiteX0" fmla="*/ 0 w 1659904"/>
                  <a:gd name="connsiteY0" fmla="*/ 1218024 h 1218024"/>
                  <a:gd name="connsiteX1" fmla="*/ 504579 w 1659904"/>
                  <a:gd name="connsiteY1" fmla="*/ 470866 h 1218024"/>
                  <a:gd name="connsiteX2" fmla="*/ 1659904 w 1659904"/>
                  <a:gd name="connsiteY2" fmla="*/ 0 h 1218024"/>
                  <a:gd name="connsiteX3" fmla="*/ 1637637 w 1659904"/>
                  <a:gd name="connsiteY3" fmla="*/ 437529 h 1218024"/>
                  <a:gd name="connsiteX4" fmla="*/ 0 w 1659904"/>
                  <a:gd name="connsiteY4" fmla="*/ 1218024 h 1218024"/>
                  <a:gd name="connsiteX0" fmla="*/ 0 w 1666703"/>
                  <a:gd name="connsiteY0" fmla="*/ 1214625 h 1214625"/>
                  <a:gd name="connsiteX1" fmla="*/ 511378 w 1666703"/>
                  <a:gd name="connsiteY1" fmla="*/ 470866 h 1214625"/>
                  <a:gd name="connsiteX2" fmla="*/ 1666703 w 1666703"/>
                  <a:gd name="connsiteY2" fmla="*/ 0 h 1214625"/>
                  <a:gd name="connsiteX3" fmla="*/ 1644436 w 1666703"/>
                  <a:gd name="connsiteY3" fmla="*/ 437529 h 1214625"/>
                  <a:gd name="connsiteX4" fmla="*/ 0 w 1666703"/>
                  <a:gd name="connsiteY4" fmla="*/ 1214625 h 1214625"/>
                  <a:gd name="connsiteX0" fmla="*/ 0 w 1669772"/>
                  <a:gd name="connsiteY0" fmla="*/ 1223830 h 1223830"/>
                  <a:gd name="connsiteX1" fmla="*/ 511378 w 1669772"/>
                  <a:gd name="connsiteY1" fmla="*/ 480071 h 1223830"/>
                  <a:gd name="connsiteX2" fmla="*/ 1669772 w 1669772"/>
                  <a:gd name="connsiteY2" fmla="*/ 0 h 1223830"/>
                  <a:gd name="connsiteX3" fmla="*/ 1644436 w 1669772"/>
                  <a:gd name="connsiteY3" fmla="*/ 446734 h 1223830"/>
                  <a:gd name="connsiteX4" fmla="*/ 0 w 1669772"/>
                  <a:gd name="connsiteY4" fmla="*/ 1223830 h 1223830"/>
                  <a:gd name="connsiteX0" fmla="*/ 0 w 1669772"/>
                  <a:gd name="connsiteY0" fmla="*/ 1233035 h 1233035"/>
                  <a:gd name="connsiteX1" fmla="*/ 511378 w 1669772"/>
                  <a:gd name="connsiteY1" fmla="*/ 489276 h 1233035"/>
                  <a:gd name="connsiteX2" fmla="*/ 1669772 w 1669772"/>
                  <a:gd name="connsiteY2" fmla="*/ 0 h 1233035"/>
                  <a:gd name="connsiteX3" fmla="*/ 1644436 w 1669772"/>
                  <a:gd name="connsiteY3" fmla="*/ 455939 h 1233035"/>
                  <a:gd name="connsiteX4" fmla="*/ 0 w 1669772"/>
                  <a:gd name="connsiteY4" fmla="*/ 1233035 h 1233035"/>
                  <a:gd name="connsiteX0" fmla="*/ 0 w 1669772"/>
                  <a:gd name="connsiteY0" fmla="*/ 1233035 h 1233035"/>
                  <a:gd name="connsiteX1" fmla="*/ 511378 w 1669772"/>
                  <a:gd name="connsiteY1" fmla="*/ 489276 h 1233035"/>
                  <a:gd name="connsiteX2" fmla="*/ 1669772 w 1669772"/>
                  <a:gd name="connsiteY2" fmla="*/ 0 h 1233035"/>
                  <a:gd name="connsiteX3" fmla="*/ 1641367 w 1669772"/>
                  <a:gd name="connsiteY3" fmla="*/ 465145 h 1233035"/>
                  <a:gd name="connsiteX4" fmla="*/ 0 w 1669772"/>
                  <a:gd name="connsiteY4" fmla="*/ 1233035 h 1233035"/>
                  <a:gd name="connsiteX0" fmla="*/ 0 w 1669772"/>
                  <a:gd name="connsiteY0" fmla="*/ 1233035 h 1233035"/>
                  <a:gd name="connsiteX1" fmla="*/ 511378 w 1669772"/>
                  <a:gd name="connsiteY1" fmla="*/ 489276 h 1233035"/>
                  <a:gd name="connsiteX2" fmla="*/ 1669772 w 1669772"/>
                  <a:gd name="connsiteY2" fmla="*/ 0 h 1233035"/>
                  <a:gd name="connsiteX3" fmla="*/ 1638299 w 1669772"/>
                  <a:gd name="connsiteY3" fmla="*/ 459008 h 1233035"/>
                  <a:gd name="connsiteX4" fmla="*/ 0 w 1669772"/>
                  <a:gd name="connsiteY4" fmla="*/ 1233035 h 1233035"/>
                  <a:gd name="connsiteX0" fmla="*/ 0 w 1663635"/>
                  <a:gd name="connsiteY0" fmla="*/ 1226898 h 1226898"/>
                  <a:gd name="connsiteX1" fmla="*/ 511378 w 1663635"/>
                  <a:gd name="connsiteY1" fmla="*/ 483139 h 1226898"/>
                  <a:gd name="connsiteX2" fmla="*/ 1663635 w 1663635"/>
                  <a:gd name="connsiteY2" fmla="*/ 0 h 1226898"/>
                  <a:gd name="connsiteX3" fmla="*/ 1638299 w 1663635"/>
                  <a:gd name="connsiteY3" fmla="*/ 452871 h 1226898"/>
                  <a:gd name="connsiteX4" fmla="*/ 0 w 1663635"/>
                  <a:gd name="connsiteY4" fmla="*/ 1226898 h 1226898"/>
                  <a:gd name="connsiteX0" fmla="*/ 0 w 1666704"/>
                  <a:gd name="connsiteY0" fmla="*/ 1226898 h 1226898"/>
                  <a:gd name="connsiteX1" fmla="*/ 511378 w 1666704"/>
                  <a:gd name="connsiteY1" fmla="*/ 483139 h 1226898"/>
                  <a:gd name="connsiteX2" fmla="*/ 1666704 w 1666704"/>
                  <a:gd name="connsiteY2" fmla="*/ 0 h 1226898"/>
                  <a:gd name="connsiteX3" fmla="*/ 1638299 w 1666704"/>
                  <a:gd name="connsiteY3" fmla="*/ 452871 h 1226898"/>
                  <a:gd name="connsiteX4" fmla="*/ 0 w 1666704"/>
                  <a:gd name="connsiteY4" fmla="*/ 1226898 h 12268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666704" h="1226898">
                    <a:moveTo>
                      <a:pt x="0" y="1226898"/>
                    </a:moveTo>
                    <a:lnTo>
                      <a:pt x="511378" y="483139"/>
                    </a:lnTo>
                    <a:lnTo>
                      <a:pt x="1666704" y="0"/>
                    </a:lnTo>
                    <a:lnTo>
                      <a:pt x="1638299" y="452871"/>
                    </a:lnTo>
                    <a:lnTo>
                      <a:pt x="0" y="1226898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  <p:sp>
            <p:nvSpPr>
              <p:cNvPr id="22" name="Trapezoid 4"/>
              <p:cNvSpPr/>
              <p:nvPr userDrawn="1"/>
            </p:nvSpPr>
            <p:spPr>
              <a:xfrm>
                <a:off x="3406524" y="2239230"/>
                <a:ext cx="1852016" cy="855598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1010860 h 1402717"/>
                  <a:gd name="connsiteX1" fmla="*/ 555026 w 1373931"/>
                  <a:gd name="connsiteY1" fmla="*/ 188368 h 1402717"/>
                  <a:gd name="connsiteX2" fmla="*/ 1188729 w 1373931"/>
                  <a:gd name="connsiteY2" fmla="*/ 0 h 1402717"/>
                  <a:gd name="connsiteX3" fmla="*/ 1373931 w 1373931"/>
                  <a:gd name="connsiteY3" fmla="*/ 1402717 h 1402717"/>
                  <a:gd name="connsiteX4" fmla="*/ 0 w 1373931"/>
                  <a:gd name="connsiteY4" fmla="*/ 1010860 h 1402717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16888 w 1188729"/>
                  <a:gd name="connsiteY3" fmla="*/ 736933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2171 w 1188729"/>
                  <a:gd name="connsiteY3" fmla="*/ 513601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6385 w 1188729"/>
                  <a:gd name="connsiteY3" fmla="*/ 534670 h 1010860"/>
                  <a:gd name="connsiteX4" fmla="*/ 0 w 1188729"/>
                  <a:gd name="connsiteY4" fmla="*/ 1010860 h 1010860"/>
                  <a:gd name="connsiteX0" fmla="*/ 0 w 1176087"/>
                  <a:gd name="connsiteY0" fmla="*/ 1006646 h 1006646"/>
                  <a:gd name="connsiteX1" fmla="*/ 555026 w 1176087"/>
                  <a:gd name="connsiteY1" fmla="*/ 184154 h 1006646"/>
                  <a:gd name="connsiteX2" fmla="*/ 1176087 w 1176087"/>
                  <a:gd name="connsiteY2" fmla="*/ 0 h 1006646"/>
                  <a:gd name="connsiteX3" fmla="*/ 1146385 w 1176087"/>
                  <a:gd name="connsiteY3" fmla="*/ 530456 h 1006646"/>
                  <a:gd name="connsiteX4" fmla="*/ 0 w 1176087"/>
                  <a:gd name="connsiteY4" fmla="*/ 1006646 h 1006646"/>
                  <a:gd name="connsiteX0" fmla="*/ 0 w 978037"/>
                  <a:gd name="connsiteY0" fmla="*/ 901300 h 901300"/>
                  <a:gd name="connsiteX1" fmla="*/ 356976 w 978037"/>
                  <a:gd name="connsiteY1" fmla="*/ 184154 h 901300"/>
                  <a:gd name="connsiteX2" fmla="*/ 978037 w 978037"/>
                  <a:gd name="connsiteY2" fmla="*/ 0 h 901300"/>
                  <a:gd name="connsiteX3" fmla="*/ 948335 w 978037"/>
                  <a:gd name="connsiteY3" fmla="*/ 530456 h 901300"/>
                  <a:gd name="connsiteX4" fmla="*/ 0 w 978037"/>
                  <a:gd name="connsiteY4" fmla="*/ 901300 h 901300"/>
                  <a:gd name="connsiteX0" fmla="*/ 0 w 1155018"/>
                  <a:gd name="connsiteY0" fmla="*/ 989790 h 989790"/>
                  <a:gd name="connsiteX1" fmla="*/ 533957 w 1155018"/>
                  <a:gd name="connsiteY1" fmla="*/ 18415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656158 w 1155018"/>
                  <a:gd name="connsiteY1" fmla="*/ 38220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0812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42385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895023"/>
                  <a:gd name="connsiteY0" fmla="*/ 989790 h 989790"/>
                  <a:gd name="connsiteX1" fmla="*/ 1895023 w 1895023"/>
                  <a:gd name="connsiteY1" fmla="*/ 108305 h 989790"/>
                  <a:gd name="connsiteX2" fmla="*/ 1155018 w 1895023"/>
                  <a:gd name="connsiteY2" fmla="*/ 0 h 989790"/>
                  <a:gd name="connsiteX3" fmla="*/ 1125316 w 1895023"/>
                  <a:gd name="connsiteY3" fmla="*/ 530456 h 989790"/>
                  <a:gd name="connsiteX4" fmla="*/ 0 w 1895023"/>
                  <a:gd name="connsiteY4" fmla="*/ 989790 h 989790"/>
                  <a:gd name="connsiteX0" fmla="*/ 1318703 w 1318703"/>
                  <a:gd name="connsiteY0" fmla="*/ 791740 h 791740"/>
                  <a:gd name="connsiteX1" fmla="*/ 769707 w 1318703"/>
                  <a:gd name="connsiteY1" fmla="*/ 108305 h 791740"/>
                  <a:gd name="connsiteX2" fmla="*/ 29702 w 1318703"/>
                  <a:gd name="connsiteY2" fmla="*/ 0 h 791740"/>
                  <a:gd name="connsiteX3" fmla="*/ 0 w 1318703"/>
                  <a:gd name="connsiteY3" fmla="*/ 530456 h 791740"/>
                  <a:gd name="connsiteX4" fmla="*/ 1318703 w 1318703"/>
                  <a:gd name="connsiteY4" fmla="*/ 791740 h 791740"/>
                  <a:gd name="connsiteX0" fmla="*/ 1318703 w 1318703"/>
                  <a:gd name="connsiteY0" fmla="*/ 791740 h 791740"/>
                  <a:gd name="connsiteX1" fmla="*/ 769707 w 1318703"/>
                  <a:gd name="connsiteY1" fmla="*/ 108305 h 791740"/>
                  <a:gd name="connsiteX2" fmla="*/ 29702 w 1318703"/>
                  <a:gd name="connsiteY2" fmla="*/ 0 h 791740"/>
                  <a:gd name="connsiteX3" fmla="*/ 0 w 1318703"/>
                  <a:gd name="connsiteY3" fmla="*/ 547311 h 791740"/>
                  <a:gd name="connsiteX4" fmla="*/ 1318703 w 1318703"/>
                  <a:gd name="connsiteY4" fmla="*/ 791740 h 791740"/>
                  <a:gd name="connsiteX0" fmla="*/ 1318703 w 1318703"/>
                  <a:gd name="connsiteY0" fmla="*/ 783313 h 783313"/>
                  <a:gd name="connsiteX1" fmla="*/ 769707 w 1318703"/>
                  <a:gd name="connsiteY1" fmla="*/ 99878 h 783313"/>
                  <a:gd name="connsiteX2" fmla="*/ 21274 w 1318703"/>
                  <a:gd name="connsiteY2" fmla="*/ 0 h 783313"/>
                  <a:gd name="connsiteX3" fmla="*/ 0 w 1318703"/>
                  <a:gd name="connsiteY3" fmla="*/ 538884 h 783313"/>
                  <a:gd name="connsiteX4" fmla="*/ 1318703 w 1318703"/>
                  <a:gd name="connsiteY4" fmla="*/ 783313 h 783313"/>
                  <a:gd name="connsiteX0" fmla="*/ 1327130 w 1327130"/>
                  <a:gd name="connsiteY0" fmla="*/ 783313 h 783313"/>
                  <a:gd name="connsiteX1" fmla="*/ 778134 w 1327130"/>
                  <a:gd name="connsiteY1" fmla="*/ 99878 h 783313"/>
                  <a:gd name="connsiteX2" fmla="*/ 29701 w 1327130"/>
                  <a:gd name="connsiteY2" fmla="*/ 0 h 783313"/>
                  <a:gd name="connsiteX3" fmla="*/ 0 w 1327130"/>
                  <a:gd name="connsiteY3" fmla="*/ 538884 h 783313"/>
                  <a:gd name="connsiteX4" fmla="*/ 1327130 w 1327130"/>
                  <a:gd name="connsiteY4" fmla="*/ 783313 h 783313"/>
                  <a:gd name="connsiteX0" fmla="*/ 1331344 w 1331344"/>
                  <a:gd name="connsiteY0" fmla="*/ 783313 h 783313"/>
                  <a:gd name="connsiteX1" fmla="*/ 782348 w 1331344"/>
                  <a:gd name="connsiteY1" fmla="*/ 99878 h 783313"/>
                  <a:gd name="connsiteX2" fmla="*/ 33915 w 1331344"/>
                  <a:gd name="connsiteY2" fmla="*/ 0 h 783313"/>
                  <a:gd name="connsiteX3" fmla="*/ 0 w 1331344"/>
                  <a:gd name="connsiteY3" fmla="*/ 534670 h 783313"/>
                  <a:gd name="connsiteX4" fmla="*/ 1331344 w 1331344"/>
                  <a:gd name="connsiteY4" fmla="*/ 783313 h 783313"/>
                  <a:gd name="connsiteX0" fmla="*/ 1327130 w 1327130"/>
                  <a:gd name="connsiteY0" fmla="*/ 783313 h 783313"/>
                  <a:gd name="connsiteX1" fmla="*/ 778134 w 1327130"/>
                  <a:gd name="connsiteY1" fmla="*/ 99878 h 783313"/>
                  <a:gd name="connsiteX2" fmla="*/ 29701 w 1327130"/>
                  <a:gd name="connsiteY2" fmla="*/ 0 h 783313"/>
                  <a:gd name="connsiteX3" fmla="*/ 0 w 1327130"/>
                  <a:gd name="connsiteY3" fmla="*/ 538884 h 783313"/>
                  <a:gd name="connsiteX4" fmla="*/ 1327130 w 1327130"/>
                  <a:gd name="connsiteY4" fmla="*/ 783313 h 783313"/>
                  <a:gd name="connsiteX0" fmla="*/ 1331344 w 1331344"/>
                  <a:gd name="connsiteY0" fmla="*/ 791741 h 791741"/>
                  <a:gd name="connsiteX1" fmla="*/ 778134 w 1331344"/>
                  <a:gd name="connsiteY1" fmla="*/ 99878 h 791741"/>
                  <a:gd name="connsiteX2" fmla="*/ 29701 w 1331344"/>
                  <a:gd name="connsiteY2" fmla="*/ 0 h 791741"/>
                  <a:gd name="connsiteX3" fmla="*/ 0 w 1331344"/>
                  <a:gd name="connsiteY3" fmla="*/ 538884 h 791741"/>
                  <a:gd name="connsiteX4" fmla="*/ 1331344 w 1331344"/>
                  <a:gd name="connsiteY4" fmla="*/ 791741 h 791741"/>
                  <a:gd name="connsiteX0" fmla="*/ 1331344 w 1331344"/>
                  <a:gd name="connsiteY0" fmla="*/ 783314 h 783314"/>
                  <a:gd name="connsiteX1" fmla="*/ 778134 w 1331344"/>
                  <a:gd name="connsiteY1" fmla="*/ 99878 h 783314"/>
                  <a:gd name="connsiteX2" fmla="*/ 29701 w 1331344"/>
                  <a:gd name="connsiteY2" fmla="*/ 0 h 783314"/>
                  <a:gd name="connsiteX3" fmla="*/ 0 w 1331344"/>
                  <a:gd name="connsiteY3" fmla="*/ 538884 h 783314"/>
                  <a:gd name="connsiteX4" fmla="*/ 1331344 w 1331344"/>
                  <a:gd name="connsiteY4" fmla="*/ 783314 h 783314"/>
                  <a:gd name="connsiteX0" fmla="*/ 1331344 w 1331344"/>
                  <a:gd name="connsiteY0" fmla="*/ 829666 h 829666"/>
                  <a:gd name="connsiteX1" fmla="*/ 778134 w 1331344"/>
                  <a:gd name="connsiteY1" fmla="*/ 146230 h 829666"/>
                  <a:gd name="connsiteX2" fmla="*/ 8632 w 1331344"/>
                  <a:gd name="connsiteY2" fmla="*/ 0 h 829666"/>
                  <a:gd name="connsiteX3" fmla="*/ 0 w 1331344"/>
                  <a:gd name="connsiteY3" fmla="*/ 585236 h 829666"/>
                  <a:gd name="connsiteX4" fmla="*/ 1331344 w 1331344"/>
                  <a:gd name="connsiteY4" fmla="*/ 829666 h 829666"/>
                  <a:gd name="connsiteX0" fmla="*/ 1331344 w 1355428"/>
                  <a:gd name="connsiteY0" fmla="*/ 829666 h 829666"/>
                  <a:gd name="connsiteX1" fmla="*/ 1355428 w 1355428"/>
                  <a:gd name="connsiteY1" fmla="*/ 243148 h 829666"/>
                  <a:gd name="connsiteX2" fmla="*/ 8632 w 1355428"/>
                  <a:gd name="connsiteY2" fmla="*/ 0 h 829666"/>
                  <a:gd name="connsiteX3" fmla="*/ 0 w 1355428"/>
                  <a:gd name="connsiteY3" fmla="*/ 585236 h 829666"/>
                  <a:gd name="connsiteX4" fmla="*/ 1331344 w 1355428"/>
                  <a:gd name="connsiteY4" fmla="*/ 829666 h 829666"/>
                  <a:gd name="connsiteX0" fmla="*/ 1331344 w 1355428"/>
                  <a:gd name="connsiteY0" fmla="*/ 833880 h 833880"/>
                  <a:gd name="connsiteX1" fmla="*/ 1355428 w 1355428"/>
                  <a:gd name="connsiteY1" fmla="*/ 247362 h 833880"/>
                  <a:gd name="connsiteX2" fmla="*/ 12846 w 1355428"/>
                  <a:gd name="connsiteY2" fmla="*/ 0 h 833880"/>
                  <a:gd name="connsiteX3" fmla="*/ 0 w 1355428"/>
                  <a:gd name="connsiteY3" fmla="*/ 589450 h 833880"/>
                  <a:gd name="connsiteX4" fmla="*/ 1331344 w 1355428"/>
                  <a:gd name="connsiteY4" fmla="*/ 833880 h 833880"/>
                  <a:gd name="connsiteX0" fmla="*/ 1811720 w 1811720"/>
                  <a:gd name="connsiteY0" fmla="*/ 812811 h 812811"/>
                  <a:gd name="connsiteX1" fmla="*/ 1355428 w 1811720"/>
                  <a:gd name="connsiteY1" fmla="*/ 247362 h 812811"/>
                  <a:gd name="connsiteX2" fmla="*/ 12846 w 1811720"/>
                  <a:gd name="connsiteY2" fmla="*/ 0 h 812811"/>
                  <a:gd name="connsiteX3" fmla="*/ 0 w 1811720"/>
                  <a:gd name="connsiteY3" fmla="*/ 589450 h 812811"/>
                  <a:gd name="connsiteX4" fmla="*/ 1811720 w 1811720"/>
                  <a:gd name="connsiteY4" fmla="*/ 812811 h 812811"/>
                  <a:gd name="connsiteX0" fmla="*/ 1798874 w 1798874"/>
                  <a:gd name="connsiteY0" fmla="*/ 812811 h 812811"/>
                  <a:gd name="connsiteX1" fmla="*/ 1342582 w 1798874"/>
                  <a:gd name="connsiteY1" fmla="*/ 247362 h 812811"/>
                  <a:gd name="connsiteX2" fmla="*/ 0 w 1798874"/>
                  <a:gd name="connsiteY2" fmla="*/ 0 h 812811"/>
                  <a:gd name="connsiteX3" fmla="*/ 193632 w 1798874"/>
                  <a:gd name="connsiteY3" fmla="*/ 382972 h 812811"/>
                  <a:gd name="connsiteX4" fmla="*/ 1798874 w 1798874"/>
                  <a:gd name="connsiteY4" fmla="*/ 812811 h 812811"/>
                  <a:gd name="connsiteX0" fmla="*/ 1828575 w 1828575"/>
                  <a:gd name="connsiteY0" fmla="*/ 812811 h 812811"/>
                  <a:gd name="connsiteX1" fmla="*/ 1372283 w 1828575"/>
                  <a:gd name="connsiteY1" fmla="*/ 247362 h 812811"/>
                  <a:gd name="connsiteX2" fmla="*/ 29701 w 1828575"/>
                  <a:gd name="connsiteY2" fmla="*/ 0 h 812811"/>
                  <a:gd name="connsiteX3" fmla="*/ 0 w 1828575"/>
                  <a:gd name="connsiteY3" fmla="*/ 429324 h 812811"/>
                  <a:gd name="connsiteX4" fmla="*/ 1828575 w 1828575"/>
                  <a:gd name="connsiteY4" fmla="*/ 812811 h 812811"/>
                  <a:gd name="connsiteX0" fmla="*/ 1832789 w 1832789"/>
                  <a:gd name="connsiteY0" fmla="*/ 821238 h 821238"/>
                  <a:gd name="connsiteX1" fmla="*/ 1372283 w 1832789"/>
                  <a:gd name="connsiteY1" fmla="*/ 247362 h 821238"/>
                  <a:gd name="connsiteX2" fmla="*/ 29701 w 1832789"/>
                  <a:gd name="connsiteY2" fmla="*/ 0 h 821238"/>
                  <a:gd name="connsiteX3" fmla="*/ 0 w 1832789"/>
                  <a:gd name="connsiteY3" fmla="*/ 429324 h 821238"/>
                  <a:gd name="connsiteX4" fmla="*/ 1832789 w 1832789"/>
                  <a:gd name="connsiteY4" fmla="*/ 821238 h 821238"/>
                  <a:gd name="connsiteX0" fmla="*/ 1832789 w 1832789"/>
                  <a:gd name="connsiteY0" fmla="*/ 821238 h 821238"/>
                  <a:gd name="connsiteX1" fmla="*/ 1372283 w 1832789"/>
                  <a:gd name="connsiteY1" fmla="*/ 247362 h 821238"/>
                  <a:gd name="connsiteX2" fmla="*/ 25487 w 1832789"/>
                  <a:gd name="connsiteY2" fmla="*/ 0 h 821238"/>
                  <a:gd name="connsiteX3" fmla="*/ 0 w 1832789"/>
                  <a:gd name="connsiteY3" fmla="*/ 429324 h 821238"/>
                  <a:gd name="connsiteX4" fmla="*/ 1832789 w 1832789"/>
                  <a:gd name="connsiteY4" fmla="*/ 821238 h 821238"/>
                  <a:gd name="connsiteX0" fmla="*/ 1836266 w 1836266"/>
                  <a:gd name="connsiteY0" fmla="*/ 821238 h 821238"/>
                  <a:gd name="connsiteX1" fmla="*/ 1372283 w 1836266"/>
                  <a:gd name="connsiteY1" fmla="*/ 247362 h 821238"/>
                  <a:gd name="connsiteX2" fmla="*/ 25487 w 1836266"/>
                  <a:gd name="connsiteY2" fmla="*/ 0 h 821238"/>
                  <a:gd name="connsiteX3" fmla="*/ 0 w 1836266"/>
                  <a:gd name="connsiteY3" fmla="*/ 429324 h 821238"/>
                  <a:gd name="connsiteX4" fmla="*/ 1836266 w 1836266"/>
                  <a:gd name="connsiteY4" fmla="*/ 821238 h 821238"/>
                  <a:gd name="connsiteX0" fmla="*/ 1836266 w 1836266"/>
                  <a:gd name="connsiteY0" fmla="*/ 821238 h 821238"/>
                  <a:gd name="connsiteX1" fmla="*/ 1379236 w 1836266"/>
                  <a:gd name="connsiteY1" fmla="*/ 250838 h 821238"/>
                  <a:gd name="connsiteX2" fmla="*/ 25487 w 1836266"/>
                  <a:gd name="connsiteY2" fmla="*/ 0 h 821238"/>
                  <a:gd name="connsiteX3" fmla="*/ 0 w 1836266"/>
                  <a:gd name="connsiteY3" fmla="*/ 429324 h 821238"/>
                  <a:gd name="connsiteX4" fmla="*/ 1836266 w 1836266"/>
                  <a:gd name="connsiteY4" fmla="*/ 821238 h 821238"/>
                  <a:gd name="connsiteX0" fmla="*/ 1810779 w 1810779"/>
                  <a:gd name="connsiteY0" fmla="*/ 821238 h 821238"/>
                  <a:gd name="connsiteX1" fmla="*/ 1353749 w 1810779"/>
                  <a:gd name="connsiteY1" fmla="*/ 250838 h 821238"/>
                  <a:gd name="connsiteX2" fmla="*/ 0 w 1810779"/>
                  <a:gd name="connsiteY2" fmla="*/ 0 h 821238"/>
                  <a:gd name="connsiteX3" fmla="*/ 217889 w 1810779"/>
                  <a:gd name="connsiteY3" fmla="*/ 533628 h 821238"/>
                  <a:gd name="connsiteX4" fmla="*/ 1810779 w 1810779"/>
                  <a:gd name="connsiteY4" fmla="*/ 821238 h 821238"/>
                  <a:gd name="connsiteX0" fmla="*/ 1825836 w 1825836"/>
                  <a:gd name="connsiteY0" fmla="*/ 821238 h 821238"/>
                  <a:gd name="connsiteX1" fmla="*/ 1368806 w 1825836"/>
                  <a:gd name="connsiteY1" fmla="*/ 250838 h 821238"/>
                  <a:gd name="connsiteX2" fmla="*/ 15057 w 1825836"/>
                  <a:gd name="connsiteY2" fmla="*/ 0 h 821238"/>
                  <a:gd name="connsiteX3" fmla="*/ 0 w 1825836"/>
                  <a:gd name="connsiteY3" fmla="*/ 436277 h 821238"/>
                  <a:gd name="connsiteX4" fmla="*/ 1825836 w 1825836"/>
                  <a:gd name="connsiteY4" fmla="*/ 821238 h 821238"/>
                  <a:gd name="connsiteX0" fmla="*/ 1825836 w 1825836"/>
                  <a:gd name="connsiteY0" fmla="*/ 616107 h 616107"/>
                  <a:gd name="connsiteX1" fmla="*/ 1368806 w 1825836"/>
                  <a:gd name="connsiteY1" fmla="*/ 45707 h 616107"/>
                  <a:gd name="connsiteX2" fmla="*/ 101977 w 1825836"/>
                  <a:gd name="connsiteY2" fmla="*/ 0 h 616107"/>
                  <a:gd name="connsiteX3" fmla="*/ 0 w 1825836"/>
                  <a:gd name="connsiteY3" fmla="*/ 231146 h 616107"/>
                  <a:gd name="connsiteX4" fmla="*/ 1825836 w 1825836"/>
                  <a:gd name="connsiteY4" fmla="*/ 616107 h 616107"/>
                  <a:gd name="connsiteX0" fmla="*/ 1825836 w 1825836"/>
                  <a:gd name="connsiteY0" fmla="*/ 821239 h 821239"/>
                  <a:gd name="connsiteX1" fmla="*/ 1368806 w 1825836"/>
                  <a:gd name="connsiteY1" fmla="*/ 250839 h 821239"/>
                  <a:gd name="connsiteX2" fmla="*/ 25488 w 1825836"/>
                  <a:gd name="connsiteY2" fmla="*/ 0 h 821239"/>
                  <a:gd name="connsiteX3" fmla="*/ 0 w 1825836"/>
                  <a:gd name="connsiteY3" fmla="*/ 436278 h 821239"/>
                  <a:gd name="connsiteX4" fmla="*/ 1825836 w 1825836"/>
                  <a:gd name="connsiteY4" fmla="*/ 821239 h 821239"/>
                  <a:gd name="connsiteX0" fmla="*/ 1832790 w 1832790"/>
                  <a:gd name="connsiteY0" fmla="*/ 824716 h 824716"/>
                  <a:gd name="connsiteX1" fmla="*/ 1368806 w 1832790"/>
                  <a:gd name="connsiteY1" fmla="*/ 250839 h 824716"/>
                  <a:gd name="connsiteX2" fmla="*/ 25488 w 1832790"/>
                  <a:gd name="connsiteY2" fmla="*/ 0 h 824716"/>
                  <a:gd name="connsiteX3" fmla="*/ 0 w 1832790"/>
                  <a:gd name="connsiteY3" fmla="*/ 436278 h 824716"/>
                  <a:gd name="connsiteX4" fmla="*/ 1832790 w 1832790"/>
                  <a:gd name="connsiteY4" fmla="*/ 824716 h 824716"/>
                  <a:gd name="connsiteX0" fmla="*/ 1832790 w 1832790"/>
                  <a:gd name="connsiteY0" fmla="*/ 828193 h 828193"/>
                  <a:gd name="connsiteX1" fmla="*/ 1368806 w 1832790"/>
                  <a:gd name="connsiteY1" fmla="*/ 254316 h 828193"/>
                  <a:gd name="connsiteX2" fmla="*/ 15057 w 1832790"/>
                  <a:gd name="connsiteY2" fmla="*/ 0 h 828193"/>
                  <a:gd name="connsiteX3" fmla="*/ 0 w 1832790"/>
                  <a:gd name="connsiteY3" fmla="*/ 439755 h 828193"/>
                  <a:gd name="connsiteX4" fmla="*/ 1832790 w 1832790"/>
                  <a:gd name="connsiteY4" fmla="*/ 828193 h 828193"/>
                  <a:gd name="connsiteX0" fmla="*/ 1832790 w 1832790"/>
                  <a:gd name="connsiteY0" fmla="*/ 835146 h 835146"/>
                  <a:gd name="connsiteX1" fmla="*/ 1368806 w 1832790"/>
                  <a:gd name="connsiteY1" fmla="*/ 261269 h 835146"/>
                  <a:gd name="connsiteX2" fmla="*/ 15057 w 1832790"/>
                  <a:gd name="connsiteY2" fmla="*/ 0 h 835146"/>
                  <a:gd name="connsiteX3" fmla="*/ 0 w 1832790"/>
                  <a:gd name="connsiteY3" fmla="*/ 446708 h 835146"/>
                  <a:gd name="connsiteX4" fmla="*/ 1832790 w 1832790"/>
                  <a:gd name="connsiteY4" fmla="*/ 835146 h 835146"/>
                  <a:gd name="connsiteX0" fmla="*/ 1832790 w 1832790"/>
                  <a:gd name="connsiteY0" fmla="*/ 835146 h 835146"/>
                  <a:gd name="connsiteX1" fmla="*/ 1358376 w 1832790"/>
                  <a:gd name="connsiteY1" fmla="*/ 247362 h 835146"/>
                  <a:gd name="connsiteX2" fmla="*/ 15057 w 1832790"/>
                  <a:gd name="connsiteY2" fmla="*/ 0 h 835146"/>
                  <a:gd name="connsiteX3" fmla="*/ 0 w 1832790"/>
                  <a:gd name="connsiteY3" fmla="*/ 446708 h 835146"/>
                  <a:gd name="connsiteX4" fmla="*/ 1832790 w 1832790"/>
                  <a:gd name="connsiteY4" fmla="*/ 835146 h 835146"/>
                  <a:gd name="connsiteX0" fmla="*/ 1832790 w 1832790"/>
                  <a:gd name="connsiteY0" fmla="*/ 852530 h 852530"/>
                  <a:gd name="connsiteX1" fmla="*/ 1358376 w 1832790"/>
                  <a:gd name="connsiteY1" fmla="*/ 247362 h 852530"/>
                  <a:gd name="connsiteX2" fmla="*/ 15057 w 1832790"/>
                  <a:gd name="connsiteY2" fmla="*/ 0 h 852530"/>
                  <a:gd name="connsiteX3" fmla="*/ 0 w 1832790"/>
                  <a:gd name="connsiteY3" fmla="*/ 446708 h 852530"/>
                  <a:gd name="connsiteX4" fmla="*/ 1832790 w 1832790"/>
                  <a:gd name="connsiteY4" fmla="*/ 852530 h 852530"/>
                  <a:gd name="connsiteX0" fmla="*/ 1839743 w 1839743"/>
                  <a:gd name="connsiteY0" fmla="*/ 852530 h 852530"/>
                  <a:gd name="connsiteX1" fmla="*/ 1365329 w 1839743"/>
                  <a:gd name="connsiteY1" fmla="*/ 247362 h 852530"/>
                  <a:gd name="connsiteX2" fmla="*/ 22010 w 1839743"/>
                  <a:gd name="connsiteY2" fmla="*/ 0 h 852530"/>
                  <a:gd name="connsiteX3" fmla="*/ 0 w 1839743"/>
                  <a:gd name="connsiteY3" fmla="*/ 457138 h 852530"/>
                  <a:gd name="connsiteX4" fmla="*/ 1839743 w 1839743"/>
                  <a:gd name="connsiteY4" fmla="*/ 852530 h 852530"/>
                  <a:gd name="connsiteX0" fmla="*/ 1842811 w 1842811"/>
                  <a:gd name="connsiteY0" fmla="*/ 852530 h 852530"/>
                  <a:gd name="connsiteX1" fmla="*/ 1368397 w 1842811"/>
                  <a:gd name="connsiteY1" fmla="*/ 247362 h 852530"/>
                  <a:gd name="connsiteX2" fmla="*/ 25078 w 1842811"/>
                  <a:gd name="connsiteY2" fmla="*/ 0 h 852530"/>
                  <a:gd name="connsiteX3" fmla="*/ 0 w 1842811"/>
                  <a:gd name="connsiteY3" fmla="*/ 457138 h 852530"/>
                  <a:gd name="connsiteX4" fmla="*/ 1842811 w 1842811"/>
                  <a:gd name="connsiteY4" fmla="*/ 852530 h 852530"/>
                  <a:gd name="connsiteX0" fmla="*/ 1842811 w 1842811"/>
                  <a:gd name="connsiteY0" fmla="*/ 852530 h 852530"/>
                  <a:gd name="connsiteX1" fmla="*/ 1368397 w 1842811"/>
                  <a:gd name="connsiteY1" fmla="*/ 247362 h 852530"/>
                  <a:gd name="connsiteX2" fmla="*/ 25078 w 1842811"/>
                  <a:gd name="connsiteY2" fmla="*/ 0 h 852530"/>
                  <a:gd name="connsiteX3" fmla="*/ 0 w 1842811"/>
                  <a:gd name="connsiteY3" fmla="*/ 454070 h 852530"/>
                  <a:gd name="connsiteX4" fmla="*/ 1842811 w 1842811"/>
                  <a:gd name="connsiteY4" fmla="*/ 852530 h 852530"/>
                  <a:gd name="connsiteX0" fmla="*/ 1842811 w 1842811"/>
                  <a:gd name="connsiteY0" fmla="*/ 852530 h 852530"/>
                  <a:gd name="connsiteX1" fmla="*/ 1368397 w 1842811"/>
                  <a:gd name="connsiteY1" fmla="*/ 247362 h 852530"/>
                  <a:gd name="connsiteX2" fmla="*/ 25078 w 1842811"/>
                  <a:gd name="connsiteY2" fmla="*/ 0 h 852530"/>
                  <a:gd name="connsiteX3" fmla="*/ 0 w 1842811"/>
                  <a:gd name="connsiteY3" fmla="*/ 451001 h 852530"/>
                  <a:gd name="connsiteX4" fmla="*/ 1842811 w 1842811"/>
                  <a:gd name="connsiteY4" fmla="*/ 852530 h 852530"/>
                  <a:gd name="connsiteX0" fmla="*/ 1848948 w 1848948"/>
                  <a:gd name="connsiteY0" fmla="*/ 852530 h 852530"/>
                  <a:gd name="connsiteX1" fmla="*/ 1374534 w 1848948"/>
                  <a:gd name="connsiteY1" fmla="*/ 247362 h 852530"/>
                  <a:gd name="connsiteX2" fmla="*/ 31215 w 1848948"/>
                  <a:gd name="connsiteY2" fmla="*/ 0 h 852530"/>
                  <a:gd name="connsiteX3" fmla="*/ 0 w 1848948"/>
                  <a:gd name="connsiteY3" fmla="*/ 451001 h 852530"/>
                  <a:gd name="connsiteX4" fmla="*/ 1848948 w 1848948"/>
                  <a:gd name="connsiteY4" fmla="*/ 852530 h 852530"/>
                  <a:gd name="connsiteX0" fmla="*/ 1848948 w 1848948"/>
                  <a:gd name="connsiteY0" fmla="*/ 855598 h 855598"/>
                  <a:gd name="connsiteX1" fmla="*/ 1374534 w 1848948"/>
                  <a:gd name="connsiteY1" fmla="*/ 250430 h 855598"/>
                  <a:gd name="connsiteX2" fmla="*/ 25078 w 1848948"/>
                  <a:gd name="connsiteY2" fmla="*/ 0 h 855598"/>
                  <a:gd name="connsiteX3" fmla="*/ 0 w 1848948"/>
                  <a:gd name="connsiteY3" fmla="*/ 454069 h 855598"/>
                  <a:gd name="connsiteX4" fmla="*/ 1848948 w 1848948"/>
                  <a:gd name="connsiteY4" fmla="*/ 855598 h 855598"/>
                  <a:gd name="connsiteX0" fmla="*/ 1852016 w 1852016"/>
                  <a:gd name="connsiteY0" fmla="*/ 855598 h 855598"/>
                  <a:gd name="connsiteX1" fmla="*/ 1377602 w 1852016"/>
                  <a:gd name="connsiteY1" fmla="*/ 250430 h 855598"/>
                  <a:gd name="connsiteX2" fmla="*/ 28146 w 1852016"/>
                  <a:gd name="connsiteY2" fmla="*/ 0 h 855598"/>
                  <a:gd name="connsiteX3" fmla="*/ 0 w 1852016"/>
                  <a:gd name="connsiteY3" fmla="*/ 457137 h 855598"/>
                  <a:gd name="connsiteX4" fmla="*/ 1852016 w 1852016"/>
                  <a:gd name="connsiteY4" fmla="*/ 855598 h 855598"/>
                  <a:gd name="connsiteX0" fmla="*/ 1852016 w 1852016"/>
                  <a:gd name="connsiteY0" fmla="*/ 855598 h 855598"/>
                  <a:gd name="connsiteX1" fmla="*/ 1372685 w 1852016"/>
                  <a:gd name="connsiteY1" fmla="*/ 250430 h 855598"/>
                  <a:gd name="connsiteX2" fmla="*/ 28146 w 1852016"/>
                  <a:gd name="connsiteY2" fmla="*/ 0 h 855598"/>
                  <a:gd name="connsiteX3" fmla="*/ 0 w 1852016"/>
                  <a:gd name="connsiteY3" fmla="*/ 457137 h 855598"/>
                  <a:gd name="connsiteX4" fmla="*/ 1852016 w 1852016"/>
                  <a:gd name="connsiteY4" fmla="*/ 855598 h 855598"/>
                  <a:gd name="connsiteX0" fmla="*/ 1852016 w 1852016"/>
                  <a:gd name="connsiteY0" fmla="*/ 855598 h 855598"/>
                  <a:gd name="connsiteX1" fmla="*/ 1375391 w 1852016"/>
                  <a:gd name="connsiteY1" fmla="*/ 247724 h 855598"/>
                  <a:gd name="connsiteX2" fmla="*/ 28146 w 1852016"/>
                  <a:gd name="connsiteY2" fmla="*/ 0 h 855598"/>
                  <a:gd name="connsiteX3" fmla="*/ 0 w 1852016"/>
                  <a:gd name="connsiteY3" fmla="*/ 457137 h 855598"/>
                  <a:gd name="connsiteX4" fmla="*/ 1852016 w 1852016"/>
                  <a:gd name="connsiteY4" fmla="*/ 855598 h 8555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852016" h="855598">
                    <a:moveTo>
                      <a:pt x="1852016" y="855598"/>
                    </a:moveTo>
                    <a:lnTo>
                      <a:pt x="1375391" y="247724"/>
                    </a:lnTo>
                    <a:lnTo>
                      <a:pt x="28146" y="0"/>
                    </a:lnTo>
                    <a:lnTo>
                      <a:pt x="0" y="457137"/>
                    </a:lnTo>
                    <a:lnTo>
                      <a:pt x="1852016" y="855598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  <p:grpSp>
          <p:nvGrpSpPr>
            <p:cNvPr id="10" name="Group 9"/>
            <p:cNvGrpSpPr/>
            <p:nvPr userDrawn="1"/>
          </p:nvGrpSpPr>
          <p:grpSpPr>
            <a:xfrm>
              <a:off x="850820" y="3033766"/>
              <a:ext cx="3461926" cy="1626216"/>
              <a:chOff x="1773291" y="2513127"/>
              <a:chExt cx="3503447" cy="1645720"/>
            </a:xfrm>
            <a:grpFill/>
          </p:grpSpPr>
          <p:sp>
            <p:nvSpPr>
              <p:cNvPr id="11" name="Trapezoid 4"/>
              <p:cNvSpPr/>
              <p:nvPr userDrawn="1"/>
            </p:nvSpPr>
            <p:spPr>
              <a:xfrm>
                <a:off x="3675872" y="2513127"/>
                <a:ext cx="1600866" cy="1643254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15376 h 1207233"/>
                  <a:gd name="connsiteX1" fmla="*/ 192112 w 1373931"/>
                  <a:gd name="connsiteY1" fmla="*/ 0 h 1207233"/>
                  <a:gd name="connsiteX2" fmla="*/ 1302502 w 1373931"/>
                  <a:gd name="connsiteY2" fmla="*/ 171119 h 1207233"/>
                  <a:gd name="connsiteX3" fmla="*/ 1373931 w 1373931"/>
                  <a:gd name="connsiteY3" fmla="*/ 1207233 h 1207233"/>
                  <a:gd name="connsiteX4" fmla="*/ 0 w 1373931"/>
                  <a:gd name="connsiteY4" fmla="*/ 815376 h 1207233"/>
                  <a:gd name="connsiteX0" fmla="*/ 0 w 1373931"/>
                  <a:gd name="connsiteY0" fmla="*/ 1081888 h 1473745"/>
                  <a:gd name="connsiteX1" fmla="*/ 192112 w 1373931"/>
                  <a:gd name="connsiteY1" fmla="*/ 266512 h 1473745"/>
                  <a:gd name="connsiteX2" fmla="*/ 829291 w 1373931"/>
                  <a:gd name="connsiteY2" fmla="*/ 0 h 1473745"/>
                  <a:gd name="connsiteX3" fmla="*/ 1373931 w 1373931"/>
                  <a:gd name="connsiteY3" fmla="*/ 1473745 h 1473745"/>
                  <a:gd name="connsiteX4" fmla="*/ 0 w 1373931"/>
                  <a:gd name="connsiteY4" fmla="*/ 1081888 h 1473745"/>
                  <a:gd name="connsiteX0" fmla="*/ 0 w 1359699"/>
                  <a:gd name="connsiteY0" fmla="*/ 1081888 h 1081888"/>
                  <a:gd name="connsiteX1" fmla="*/ 192112 w 1359699"/>
                  <a:gd name="connsiteY1" fmla="*/ 266512 h 1081888"/>
                  <a:gd name="connsiteX2" fmla="*/ 829291 w 1359699"/>
                  <a:gd name="connsiteY2" fmla="*/ 0 h 1081888"/>
                  <a:gd name="connsiteX3" fmla="*/ 1359699 w 1359699"/>
                  <a:gd name="connsiteY3" fmla="*/ 680317 h 1081888"/>
                  <a:gd name="connsiteX4" fmla="*/ 0 w 1359699"/>
                  <a:gd name="connsiteY4" fmla="*/ 1081888 h 1081888"/>
                  <a:gd name="connsiteX0" fmla="*/ 71178 w 1167587"/>
                  <a:gd name="connsiteY0" fmla="*/ 1295367 h 1295367"/>
                  <a:gd name="connsiteX1" fmla="*/ 0 w 1167587"/>
                  <a:gd name="connsiteY1" fmla="*/ 266512 h 1295367"/>
                  <a:gd name="connsiteX2" fmla="*/ 637179 w 1167587"/>
                  <a:gd name="connsiteY2" fmla="*/ 0 h 1295367"/>
                  <a:gd name="connsiteX3" fmla="*/ 1167587 w 1167587"/>
                  <a:gd name="connsiteY3" fmla="*/ 680317 h 1295367"/>
                  <a:gd name="connsiteX4" fmla="*/ 71178 w 1167587"/>
                  <a:gd name="connsiteY4" fmla="*/ 1295367 h 1295367"/>
                  <a:gd name="connsiteX0" fmla="*/ 71178 w 1171145"/>
                  <a:gd name="connsiteY0" fmla="*/ 1295367 h 1295367"/>
                  <a:gd name="connsiteX1" fmla="*/ 0 w 1171145"/>
                  <a:gd name="connsiteY1" fmla="*/ 266512 h 1295367"/>
                  <a:gd name="connsiteX2" fmla="*/ 637179 w 1171145"/>
                  <a:gd name="connsiteY2" fmla="*/ 0 h 1295367"/>
                  <a:gd name="connsiteX3" fmla="*/ 1171145 w 1171145"/>
                  <a:gd name="connsiteY3" fmla="*/ 687433 h 1295367"/>
                  <a:gd name="connsiteX4" fmla="*/ 71178 w 1171145"/>
                  <a:gd name="connsiteY4" fmla="*/ 1295367 h 1295367"/>
                  <a:gd name="connsiteX0" fmla="*/ 480345 w 1580312"/>
                  <a:gd name="connsiteY0" fmla="*/ 1295367 h 1295367"/>
                  <a:gd name="connsiteX1" fmla="*/ 0 w 1580312"/>
                  <a:gd name="connsiteY1" fmla="*/ 711259 h 1295367"/>
                  <a:gd name="connsiteX2" fmla="*/ 1046346 w 1580312"/>
                  <a:gd name="connsiteY2" fmla="*/ 0 h 1295367"/>
                  <a:gd name="connsiteX3" fmla="*/ 1580312 w 1580312"/>
                  <a:gd name="connsiteY3" fmla="*/ 687433 h 1295367"/>
                  <a:gd name="connsiteX4" fmla="*/ 480345 w 1580312"/>
                  <a:gd name="connsiteY4" fmla="*/ 1295367 h 1295367"/>
                  <a:gd name="connsiteX0" fmla="*/ 81851 w 1580312"/>
                  <a:gd name="connsiteY0" fmla="*/ 1700976 h 1700976"/>
                  <a:gd name="connsiteX1" fmla="*/ 0 w 1580312"/>
                  <a:gd name="connsiteY1" fmla="*/ 711259 h 1700976"/>
                  <a:gd name="connsiteX2" fmla="*/ 1046346 w 1580312"/>
                  <a:gd name="connsiteY2" fmla="*/ 0 h 1700976"/>
                  <a:gd name="connsiteX3" fmla="*/ 1580312 w 1580312"/>
                  <a:gd name="connsiteY3" fmla="*/ 687433 h 1700976"/>
                  <a:gd name="connsiteX4" fmla="*/ 81851 w 1580312"/>
                  <a:gd name="connsiteY4" fmla="*/ 1700976 h 1700976"/>
                  <a:gd name="connsiteX0" fmla="*/ 81851 w 1580312"/>
                  <a:gd name="connsiteY0" fmla="*/ 1700976 h 1700976"/>
                  <a:gd name="connsiteX1" fmla="*/ 0 w 1580312"/>
                  <a:gd name="connsiteY1" fmla="*/ 711259 h 1700976"/>
                  <a:gd name="connsiteX2" fmla="*/ 1046346 w 1580312"/>
                  <a:gd name="connsiteY2" fmla="*/ 0 h 1700976"/>
                  <a:gd name="connsiteX3" fmla="*/ 1580312 w 1580312"/>
                  <a:gd name="connsiteY3" fmla="*/ 658969 h 1700976"/>
                  <a:gd name="connsiteX4" fmla="*/ 81851 w 1580312"/>
                  <a:gd name="connsiteY4" fmla="*/ 1700976 h 1700976"/>
                  <a:gd name="connsiteX0" fmla="*/ 81851 w 1580312"/>
                  <a:gd name="connsiteY0" fmla="*/ 1416338 h 1416338"/>
                  <a:gd name="connsiteX1" fmla="*/ 0 w 1580312"/>
                  <a:gd name="connsiteY1" fmla="*/ 426621 h 1416338"/>
                  <a:gd name="connsiteX2" fmla="*/ 1089042 w 1580312"/>
                  <a:gd name="connsiteY2" fmla="*/ 0 h 1416338"/>
                  <a:gd name="connsiteX3" fmla="*/ 1580312 w 1580312"/>
                  <a:gd name="connsiteY3" fmla="*/ 374331 h 1416338"/>
                  <a:gd name="connsiteX4" fmla="*/ 81851 w 1580312"/>
                  <a:gd name="connsiteY4" fmla="*/ 1416338 h 1416338"/>
                  <a:gd name="connsiteX0" fmla="*/ 81851 w 1580312"/>
                  <a:gd name="connsiteY0" fmla="*/ 1615584 h 1615584"/>
                  <a:gd name="connsiteX1" fmla="*/ 0 w 1580312"/>
                  <a:gd name="connsiteY1" fmla="*/ 625867 h 1615584"/>
                  <a:gd name="connsiteX2" fmla="*/ 1121063 w 1580312"/>
                  <a:gd name="connsiteY2" fmla="*/ 0 h 1615584"/>
                  <a:gd name="connsiteX3" fmla="*/ 1580312 w 1580312"/>
                  <a:gd name="connsiteY3" fmla="*/ 573577 h 1615584"/>
                  <a:gd name="connsiteX4" fmla="*/ 81851 w 1580312"/>
                  <a:gd name="connsiteY4" fmla="*/ 1615584 h 1615584"/>
                  <a:gd name="connsiteX0" fmla="*/ 74735 w 1580312"/>
                  <a:gd name="connsiteY0" fmla="*/ 1626258 h 1626258"/>
                  <a:gd name="connsiteX1" fmla="*/ 0 w 1580312"/>
                  <a:gd name="connsiteY1" fmla="*/ 625867 h 1626258"/>
                  <a:gd name="connsiteX2" fmla="*/ 1121063 w 1580312"/>
                  <a:gd name="connsiteY2" fmla="*/ 0 h 1626258"/>
                  <a:gd name="connsiteX3" fmla="*/ 1580312 w 1580312"/>
                  <a:gd name="connsiteY3" fmla="*/ 573577 h 1626258"/>
                  <a:gd name="connsiteX4" fmla="*/ 74735 w 1580312"/>
                  <a:gd name="connsiteY4" fmla="*/ 1626258 h 1626258"/>
                  <a:gd name="connsiteX0" fmla="*/ 74735 w 1583870"/>
                  <a:gd name="connsiteY0" fmla="*/ 1626258 h 1626258"/>
                  <a:gd name="connsiteX1" fmla="*/ 0 w 1583870"/>
                  <a:gd name="connsiteY1" fmla="*/ 625867 h 1626258"/>
                  <a:gd name="connsiteX2" fmla="*/ 1121063 w 1583870"/>
                  <a:gd name="connsiteY2" fmla="*/ 0 h 1626258"/>
                  <a:gd name="connsiteX3" fmla="*/ 1583870 w 1583870"/>
                  <a:gd name="connsiteY3" fmla="*/ 570019 h 1626258"/>
                  <a:gd name="connsiteX4" fmla="*/ 74735 w 1583870"/>
                  <a:gd name="connsiteY4" fmla="*/ 1626258 h 1626258"/>
                  <a:gd name="connsiteX0" fmla="*/ 74735 w 1614463"/>
                  <a:gd name="connsiteY0" fmla="*/ 1626258 h 1626258"/>
                  <a:gd name="connsiteX1" fmla="*/ 0 w 1614463"/>
                  <a:gd name="connsiteY1" fmla="*/ 625867 h 1626258"/>
                  <a:gd name="connsiteX2" fmla="*/ 1121063 w 1614463"/>
                  <a:gd name="connsiteY2" fmla="*/ 0 h 1626258"/>
                  <a:gd name="connsiteX3" fmla="*/ 1614463 w 1614463"/>
                  <a:gd name="connsiteY3" fmla="*/ 600613 h 1626258"/>
                  <a:gd name="connsiteX4" fmla="*/ 74735 w 1614463"/>
                  <a:gd name="connsiteY4" fmla="*/ 1626258 h 1626258"/>
                  <a:gd name="connsiteX0" fmla="*/ 74735 w 1594067"/>
                  <a:gd name="connsiteY0" fmla="*/ 1626258 h 1626258"/>
                  <a:gd name="connsiteX1" fmla="*/ 0 w 1594067"/>
                  <a:gd name="connsiteY1" fmla="*/ 625867 h 1626258"/>
                  <a:gd name="connsiteX2" fmla="*/ 1121063 w 1594067"/>
                  <a:gd name="connsiteY2" fmla="*/ 0 h 1626258"/>
                  <a:gd name="connsiteX3" fmla="*/ 1594067 w 1594067"/>
                  <a:gd name="connsiteY3" fmla="*/ 580217 h 1626258"/>
                  <a:gd name="connsiteX4" fmla="*/ 74735 w 1594067"/>
                  <a:gd name="connsiteY4" fmla="*/ 1626258 h 1626258"/>
                  <a:gd name="connsiteX0" fmla="*/ 81534 w 1600866"/>
                  <a:gd name="connsiteY0" fmla="*/ 1626258 h 1626258"/>
                  <a:gd name="connsiteX1" fmla="*/ 0 w 1600866"/>
                  <a:gd name="connsiteY1" fmla="*/ 625867 h 1626258"/>
                  <a:gd name="connsiteX2" fmla="*/ 1127862 w 1600866"/>
                  <a:gd name="connsiteY2" fmla="*/ 0 h 1626258"/>
                  <a:gd name="connsiteX3" fmla="*/ 1600866 w 1600866"/>
                  <a:gd name="connsiteY3" fmla="*/ 580217 h 1626258"/>
                  <a:gd name="connsiteX4" fmla="*/ 81534 w 1600866"/>
                  <a:gd name="connsiteY4" fmla="*/ 1626258 h 1626258"/>
                  <a:gd name="connsiteX0" fmla="*/ 78134 w 1600866"/>
                  <a:gd name="connsiteY0" fmla="*/ 1643254 h 1643254"/>
                  <a:gd name="connsiteX1" fmla="*/ 0 w 1600866"/>
                  <a:gd name="connsiteY1" fmla="*/ 625867 h 1643254"/>
                  <a:gd name="connsiteX2" fmla="*/ 1127862 w 1600866"/>
                  <a:gd name="connsiteY2" fmla="*/ 0 h 1643254"/>
                  <a:gd name="connsiteX3" fmla="*/ 1600866 w 1600866"/>
                  <a:gd name="connsiteY3" fmla="*/ 580217 h 1643254"/>
                  <a:gd name="connsiteX4" fmla="*/ 78134 w 1600866"/>
                  <a:gd name="connsiteY4" fmla="*/ 1643254 h 16432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600866" h="1643254">
                    <a:moveTo>
                      <a:pt x="78134" y="1643254"/>
                    </a:moveTo>
                    <a:lnTo>
                      <a:pt x="0" y="625867"/>
                    </a:lnTo>
                    <a:lnTo>
                      <a:pt x="1127862" y="0"/>
                    </a:lnTo>
                    <a:lnTo>
                      <a:pt x="1600866" y="580217"/>
                    </a:lnTo>
                    <a:lnTo>
                      <a:pt x="78134" y="1643254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 dirty="0"/>
              </a:p>
            </p:txBody>
          </p:sp>
          <p:sp>
            <p:nvSpPr>
              <p:cNvPr id="12" name="Trapezoid 4"/>
              <p:cNvSpPr/>
              <p:nvPr userDrawn="1"/>
            </p:nvSpPr>
            <p:spPr>
              <a:xfrm>
                <a:off x="1773291" y="2729793"/>
                <a:ext cx="1976970" cy="1429054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95184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70171"/>
                  <a:gd name="connsiteY0" fmla="*/ 726259 h 1415457"/>
                  <a:gd name="connsiteX1" fmla="*/ 488939 w 1970171"/>
                  <a:gd name="connsiteY1" fmla="*/ 0 h 1415457"/>
                  <a:gd name="connsiteX2" fmla="*/ 1895184 w 1970171"/>
                  <a:gd name="connsiteY2" fmla="*/ 407773 h 1415457"/>
                  <a:gd name="connsiteX3" fmla="*/ 1970171 w 1970171"/>
                  <a:gd name="connsiteY3" fmla="*/ 1415457 h 1415457"/>
                  <a:gd name="connsiteX4" fmla="*/ 0 w 1970171"/>
                  <a:gd name="connsiteY4" fmla="*/ 726259 h 1415457"/>
                  <a:gd name="connsiteX0" fmla="*/ 0 w 1976970"/>
                  <a:gd name="connsiteY0" fmla="*/ 743255 h 1415457"/>
                  <a:gd name="connsiteX1" fmla="*/ 495738 w 1976970"/>
                  <a:gd name="connsiteY1" fmla="*/ 0 h 1415457"/>
                  <a:gd name="connsiteX2" fmla="*/ 1901983 w 1976970"/>
                  <a:gd name="connsiteY2" fmla="*/ 407773 h 1415457"/>
                  <a:gd name="connsiteX3" fmla="*/ 1976970 w 1976970"/>
                  <a:gd name="connsiteY3" fmla="*/ 1415457 h 1415457"/>
                  <a:gd name="connsiteX4" fmla="*/ 0 w 1976970"/>
                  <a:gd name="connsiteY4" fmla="*/ 743255 h 1415457"/>
                  <a:gd name="connsiteX0" fmla="*/ 0 w 1976970"/>
                  <a:gd name="connsiteY0" fmla="*/ 743255 h 1429054"/>
                  <a:gd name="connsiteX1" fmla="*/ 495738 w 1976970"/>
                  <a:gd name="connsiteY1" fmla="*/ 0 h 1429054"/>
                  <a:gd name="connsiteX2" fmla="*/ 1901983 w 1976970"/>
                  <a:gd name="connsiteY2" fmla="*/ 407773 h 1429054"/>
                  <a:gd name="connsiteX3" fmla="*/ 1976970 w 1976970"/>
                  <a:gd name="connsiteY3" fmla="*/ 1429054 h 1429054"/>
                  <a:gd name="connsiteX4" fmla="*/ 0 w 1976970"/>
                  <a:gd name="connsiteY4" fmla="*/ 743255 h 1429054"/>
                  <a:gd name="connsiteX0" fmla="*/ 0 w 1976970"/>
                  <a:gd name="connsiteY0" fmla="*/ 743255 h 1429054"/>
                  <a:gd name="connsiteX1" fmla="*/ 495738 w 1976970"/>
                  <a:gd name="connsiteY1" fmla="*/ 0 h 1429054"/>
                  <a:gd name="connsiteX2" fmla="*/ 1904831 w 1976970"/>
                  <a:gd name="connsiteY2" fmla="*/ 410622 h 1429054"/>
                  <a:gd name="connsiteX3" fmla="*/ 1976970 w 1976970"/>
                  <a:gd name="connsiteY3" fmla="*/ 1429054 h 1429054"/>
                  <a:gd name="connsiteX4" fmla="*/ 0 w 1976970"/>
                  <a:gd name="connsiteY4" fmla="*/ 743255 h 1429054"/>
                  <a:gd name="connsiteX0" fmla="*/ 0 w 1976970"/>
                  <a:gd name="connsiteY0" fmla="*/ 743255 h 1429054"/>
                  <a:gd name="connsiteX1" fmla="*/ 495738 w 1976970"/>
                  <a:gd name="connsiteY1" fmla="*/ 0 h 1429054"/>
                  <a:gd name="connsiteX2" fmla="*/ 1904831 w 1976970"/>
                  <a:gd name="connsiteY2" fmla="*/ 404925 h 1429054"/>
                  <a:gd name="connsiteX3" fmla="*/ 1976970 w 1976970"/>
                  <a:gd name="connsiteY3" fmla="*/ 1429054 h 1429054"/>
                  <a:gd name="connsiteX4" fmla="*/ 0 w 1976970"/>
                  <a:gd name="connsiteY4" fmla="*/ 743255 h 14290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976970" h="1429054">
                    <a:moveTo>
                      <a:pt x="0" y="743255"/>
                    </a:moveTo>
                    <a:lnTo>
                      <a:pt x="495738" y="0"/>
                    </a:lnTo>
                    <a:lnTo>
                      <a:pt x="1904831" y="404925"/>
                    </a:lnTo>
                    <a:lnTo>
                      <a:pt x="1976970" y="1429054"/>
                    </a:lnTo>
                    <a:lnTo>
                      <a:pt x="0" y="743255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</p:grpSp>
      <p:sp>
        <p:nvSpPr>
          <p:cNvPr id="23" name="Text Placeholder 27"/>
          <p:cNvSpPr>
            <a:spLocks noGrp="1"/>
          </p:cNvSpPr>
          <p:nvPr userDrawn="1"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25" name="Straight Connector 2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Picture Placeholder 6"/>
          <p:cNvSpPr>
            <a:spLocks noGrp="1"/>
          </p:cNvSpPr>
          <p:nvPr userDrawn="1">
            <p:ph type="pic" sz="quarter" idx="141" hasCustomPrompt="1"/>
          </p:nvPr>
        </p:nvSpPr>
        <p:spPr>
          <a:xfrm rot="930503">
            <a:off x="1610651" y="3483072"/>
            <a:ext cx="616816" cy="55513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8" name="Straight Arrow Connector 27"/>
          <p:cNvCxnSpPr/>
          <p:nvPr userDrawn="1"/>
        </p:nvCxnSpPr>
        <p:spPr>
          <a:xfrm>
            <a:off x="3602606" y="1986058"/>
            <a:ext cx="1977506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/>
          <p:cNvCxnSpPr/>
          <p:nvPr userDrawn="1"/>
        </p:nvCxnSpPr>
        <p:spPr>
          <a:xfrm>
            <a:off x="4067944" y="2688076"/>
            <a:ext cx="1512168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/>
          <p:nvPr userDrawn="1"/>
        </p:nvCxnSpPr>
        <p:spPr>
          <a:xfrm>
            <a:off x="4504975" y="3346631"/>
            <a:ext cx="1075137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 Placeholder 30"/>
          <p:cNvSpPr>
            <a:spLocks noGrp="1"/>
          </p:cNvSpPr>
          <p:nvPr userDrawn="1">
            <p:ph type="body" sz="quarter" idx="157"/>
          </p:nvPr>
        </p:nvSpPr>
        <p:spPr>
          <a:xfrm>
            <a:off x="4644008" y="3939902"/>
            <a:ext cx="3744416" cy="504056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30"/>
          <p:cNvSpPr>
            <a:spLocks noGrp="1"/>
          </p:cNvSpPr>
          <p:nvPr userDrawn="1">
            <p:ph type="body" sz="quarter" idx="169"/>
          </p:nvPr>
        </p:nvSpPr>
        <p:spPr>
          <a:xfrm>
            <a:off x="5724128" y="1800465"/>
            <a:ext cx="2376264" cy="412730"/>
          </a:xfrm>
          <a:prstGeom prst="rect">
            <a:avLst/>
          </a:prstGeom>
          <a:solidFill>
            <a:schemeClr val="bg1"/>
          </a:solidFill>
        </p:spPr>
        <p:txBody>
          <a:bodyPr lIns="91440" tIns="0" rIns="7200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30"/>
          <p:cNvSpPr>
            <a:spLocks noGrp="1"/>
          </p:cNvSpPr>
          <p:nvPr userDrawn="1">
            <p:ph type="body" sz="quarter" idx="170"/>
          </p:nvPr>
        </p:nvSpPr>
        <p:spPr>
          <a:xfrm>
            <a:off x="5724128" y="2499785"/>
            <a:ext cx="2376264" cy="412730"/>
          </a:xfrm>
          <a:prstGeom prst="rect">
            <a:avLst/>
          </a:prstGeom>
          <a:solidFill>
            <a:schemeClr val="bg1"/>
          </a:solidFill>
        </p:spPr>
        <p:txBody>
          <a:bodyPr lIns="91440" tIns="0" rIns="7200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Text Placeholder 30"/>
          <p:cNvSpPr>
            <a:spLocks noGrp="1"/>
          </p:cNvSpPr>
          <p:nvPr userDrawn="1">
            <p:ph type="body" sz="quarter" idx="171"/>
          </p:nvPr>
        </p:nvSpPr>
        <p:spPr>
          <a:xfrm>
            <a:off x="5724128" y="3161038"/>
            <a:ext cx="2376264" cy="412730"/>
          </a:xfrm>
          <a:prstGeom prst="rect">
            <a:avLst/>
          </a:prstGeom>
          <a:solidFill>
            <a:schemeClr val="bg1"/>
          </a:solidFill>
        </p:spPr>
        <p:txBody>
          <a:bodyPr lIns="91440" tIns="0" rIns="7200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8" name="Picture Placeholder 6"/>
          <p:cNvSpPr>
            <a:spLocks noGrp="1"/>
          </p:cNvSpPr>
          <p:nvPr userDrawn="1">
            <p:ph type="pic" sz="quarter" idx="174" hasCustomPrompt="1"/>
          </p:nvPr>
        </p:nvSpPr>
        <p:spPr>
          <a:xfrm rot="19730387">
            <a:off x="3230966" y="3314226"/>
            <a:ext cx="616816" cy="55513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grpSp>
        <p:nvGrpSpPr>
          <p:cNvPr id="40" name="Group 39"/>
          <p:cNvGrpSpPr/>
          <p:nvPr userDrawn="1"/>
        </p:nvGrpSpPr>
        <p:grpSpPr>
          <a:xfrm>
            <a:off x="1344168" y="2111072"/>
            <a:ext cx="2504413" cy="1443660"/>
            <a:chOff x="1317371" y="1347614"/>
            <a:chExt cx="2504413" cy="1443660"/>
          </a:xfrm>
          <a:solidFill>
            <a:srgbClr val="73BCB1">
              <a:alpha val="80000"/>
            </a:srgbClr>
          </a:solidFill>
        </p:grpSpPr>
        <p:grpSp>
          <p:nvGrpSpPr>
            <p:cNvPr id="5" name="Group 4"/>
            <p:cNvGrpSpPr/>
            <p:nvPr userDrawn="1"/>
          </p:nvGrpSpPr>
          <p:grpSpPr>
            <a:xfrm>
              <a:off x="1331640" y="1347614"/>
              <a:ext cx="2474542" cy="1037104"/>
              <a:chOff x="2275430" y="1673025"/>
              <a:chExt cx="2504221" cy="1049543"/>
            </a:xfrm>
            <a:grpFill/>
          </p:grpSpPr>
          <p:sp>
            <p:nvSpPr>
              <p:cNvPr id="19" name="Trapezoid 4"/>
              <p:cNvSpPr/>
              <p:nvPr userDrawn="1"/>
            </p:nvSpPr>
            <p:spPr>
              <a:xfrm>
                <a:off x="3438283" y="1673025"/>
                <a:ext cx="1341368" cy="813790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1010860 h 1402717"/>
                  <a:gd name="connsiteX1" fmla="*/ 555026 w 1373931"/>
                  <a:gd name="connsiteY1" fmla="*/ 188368 h 1402717"/>
                  <a:gd name="connsiteX2" fmla="*/ 1188729 w 1373931"/>
                  <a:gd name="connsiteY2" fmla="*/ 0 h 1402717"/>
                  <a:gd name="connsiteX3" fmla="*/ 1373931 w 1373931"/>
                  <a:gd name="connsiteY3" fmla="*/ 1402717 h 1402717"/>
                  <a:gd name="connsiteX4" fmla="*/ 0 w 1373931"/>
                  <a:gd name="connsiteY4" fmla="*/ 1010860 h 1402717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16888 w 1188729"/>
                  <a:gd name="connsiteY3" fmla="*/ 736933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2171 w 1188729"/>
                  <a:gd name="connsiteY3" fmla="*/ 513601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6385 w 1188729"/>
                  <a:gd name="connsiteY3" fmla="*/ 534670 h 1010860"/>
                  <a:gd name="connsiteX4" fmla="*/ 0 w 1188729"/>
                  <a:gd name="connsiteY4" fmla="*/ 1010860 h 1010860"/>
                  <a:gd name="connsiteX0" fmla="*/ 0 w 1176087"/>
                  <a:gd name="connsiteY0" fmla="*/ 1006646 h 1006646"/>
                  <a:gd name="connsiteX1" fmla="*/ 555026 w 1176087"/>
                  <a:gd name="connsiteY1" fmla="*/ 184154 h 1006646"/>
                  <a:gd name="connsiteX2" fmla="*/ 1176087 w 1176087"/>
                  <a:gd name="connsiteY2" fmla="*/ 0 h 1006646"/>
                  <a:gd name="connsiteX3" fmla="*/ 1146385 w 1176087"/>
                  <a:gd name="connsiteY3" fmla="*/ 530456 h 1006646"/>
                  <a:gd name="connsiteX4" fmla="*/ 0 w 1176087"/>
                  <a:gd name="connsiteY4" fmla="*/ 1006646 h 1006646"/>
                  <a:gd name="connsiteX0" fmla="*/ 0 w 978037"/>
                  <a:gd name="connsiteY0" fmla="*/ 901300 h 901300"/>
                  <a:gd name="connsiteX1" fmla="*/ 356976 w 978037"/>
                  <a:gd name="connsiteY1" fmla="*/ 184154 h 901300"/>
                  <a:gd name="connsiteX2" fmla="*/ 978037 w 978037"/>
                  <a:gd name="connsiteY2" fmla="*/ 0 h 901300"/>
                  <a:gd name="connsiteX3" fmla="*/ 948335 w 978037"/>
                  <a:gd name="connsiteY3" fmla="*/ 530456 h 901300"/>
                  <a:gd name="connsiteX4" fmla="*/ 0 w 978037"/>
                  <a:gd name="connsiteY4" fmla="*/ 901300 h 901300"/>
                  <a:gd name="connsiteX0" fmla="*/ 0 w 1155018"/>
                  <a:gd name="connsiteY0" fmla="*/ 989790 h 989790"/>
                  <a:gd name="connsiteX1" fmla="*/ 533957 w 1155018"/>
                  <a:gd name="connsiteY1" fmla="*/ 18415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656158 w 1155018"/>
                  <a:gd name="connsiteY1" fmla="*/ 38220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0812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42385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895023"/>
                  <a:gd name="connsiteY0" fmla="*/ 989790 h 989790"/>
                  <a:gd name="connsiteX1" fmla="*/ 1895023 w 1895023"/>
                  <a:gd name="connsiteY1" fmla="*/ 108305 h 989790"/>
                  <a:gd name="connsiteX2" fmla="*/ 1155018 w 1895023"/>
                  <a:gd name="connsiteY2" fmla="*/ 0 h 989790"/>
                  <a:gd name="connsiteX3" fmla="*/ 1125316 w 1895023"/>
                  <a:gd name="connsiteY3" fmla="*/ 530456 h 989790"/>
                  <a:gd name="connsiteX4" fmla="*/ 0 w 1895023"/>
                  <a:gd name="connsiteY4" fmla="*/ 989790 h 989790"/>
                  <a:gd name="connsiteX0" fmla="*/ 1318703 w 1318703"/>
                  <a:gd name="connsiteY0" fmla="*/ 791740 h 791740"/>
                  <a:gd name="connsiteX1" fmla="*/ 769707 w 1318703"/>
                  <a:gd name="connsiteY1" fmla="*/ 108305 h 791740"/>
                  <a:gd name="connsiteX2" fmla="*/ 29702 w 1318703"/>
                  <a:gd name="connsiteY2" fmla="*/ 0 h 791740"/>
                  <a:gd name="connsiteX3" fmla="*/ 0 w 1318703"/>
                  <a:gd name="connsiteY3" fmla="*/ 530456 h 791740"/>
                  <a:gd name="connsiteX4" fmla="*/ 1318703 w 1318703"/>
                  <a:gd name="connsiteY4" fmla="*/ 791740 h 791740"/>
                  <a:gd name="connsiteX0" fmla="*/ 1318703 w 1318703"/>
                  <a:gd name="connsiteY0" fmla="*/ 791740 h 791740"/>
                  <a:gd name="connsiteX1" fmla="*/ 769707 w 1318703"/>
                  <a:gd name="connsiteY1" fmla="*/ 108305 h 791740"/>
                  <a:gd name="connsiteX2" fmla="*/ 29702 w 1318703"/>
                  <a:gd name="connsiteY2" fmla="*/ 0 h 791740"/>
                  <a:gd name="connsiteX3" fmla="*/ 0 w 1318703"/>
                  <a:gd name="connsiteY3" fmla="*/ 547311 h 791740"/>
                  <a:gd name="connsiteX4" fmla="*/ 1318703 w 1318703"/>
                  <a:gd name="connsiteY4" fmla="*/ 791740 h 791740"/>
                  <a:gd name="connsiteX0" fmla="*/ 1318703 w 1318703"/>
                  <a:gd name="connsiteY0" fmla="*/ 783313 h 783313"/>
                  <a:gd name="connsiteX1" fmla="*/ 769707 w 1318703"/>
                  <a:gd name="connsiteY1" fmla="*/ 99878 h 783313"/>
                  <a:gd name="connsiteX2" fmla="*/ 21274 w 1318703"/>
                  <a:gd name="connsiteY2" fmla="*/ 0 h 783313"/>
                  <a:gd name="connsiteX3" fmla="*/ 0 w 1318703"/>
                  <a:gd name="connsiteY3" fmla="*/ 538884 h 783313"/>
                  <a:gd name="connsiteX4" fmla="*/ 1318703 w 1318703"/>
                  <a:gd name="connsiteY4" fmla="*/ 783313 h 783313"/>
                  <a:gd name="connsiteX0" fmla="*/ 1327130 w 1327130"/>
                  <a:gd name="connsiteY0" fmla="*/ 783313 h 783313"/>
                  <a:gd name="connsiteX1" fmla="*/ 778134 w 1327130"/>
                  <a:gd name="connsiteY1" fmla="*/ 99878 h 783313"/>
                  <a:gd name="connsiteX2" fmla="*/ 29701 w 1327130"/>
                  <a:gd name="connsiteY2" fmla="*/ 0 h 783313"/>
                  <a:gd name="connsiteX3" fmla="*/ 0 w 1327130"/>
                  <a:gd name="connsiteY3" fmla="*/ 538884 h 783313"/>
                  <a:gd name="connsiteX4" fmla="*/ 1327130 w 1327130"/>
                  <a:gd name="connsiteY4" fmla="*/ 783313 h 783313"/>
                  <a:gd name="connsiteX0" fmla="*/ 1331344 w 1331344"/>
                  <a:gd name="connsiteY0" fmla="*/ 783313 h 783313"/>
                  <a:gd name="connsiteX1" fmla="*/ 782348 w 1331344"/>
                  <a:gd name="connsiteY1" fmla="*/ 99878 h 783313"/>
                  <a:gd name="connsiteX2" fmla="*/ 33915 w 1331344"/>
                  <a:gd name="connsiteY2" fmla="*/ 0 h 783313"/>
                  <a:gd name="connsiteX3" fmla="*/ 0 w 1331344"/>
                  <a:gd name="connsiteY3" fmla="*/ 534670 h 783313"/>
                  <a:gd name="connsiteX4" fmla="*/ 1331344 w 1331344"/>
                  <a:gd name="connsiteY4" fmla="*/ 783313 h 783313"/>
                  <a:gd name="connsiteX0" fmla="*/ 1327130 w 1327130"/>
                  <a:gd name="connsiteY0" fmla="*/ 783313 h 783313"/>
                  <a:gd name="connsiteX1" fmla="*/ 778134 w 1327130"/>
                  <a:gd name="connsiteY1" fmla="*/ 99878 h 783313"/>
                  <a:gd name="connsiteX2" fmla="*/ 29701 w 1327130"/>
                  <a:gd name="connsiteY2" fmla="*/ 0 h 783313"/>
                  <a:gd name="connsiteX3" fmla="*/ 0 w 1327130"/>
                  <a:gd name="connsiteY3" fmla="*/ 538884 h 783313"/>
                  <a:gd name="connsiteX4" fmla="*/ 1327130 w 1327130"/>
                  <a:gd name="connsiteY4" fmla="*/ 783313 h 783313"/>
                  <a:gd name="connsiteX0" fmla="*/ 1331344 w 1331344"/>
                  <a:gd name="connsiteY0" fmla="*/ 791741 h 791741"/>
                  <a:gd name="connsiteX1" fmla="*/ 778134 w 1331344"/>
                  <a:gd name="connsiteY1" fmla="*/ 99878 h 791741"/>
                  <a:gd name="connsiteX2" fmla="*/ 29701 w 1331344"/>
                  <a:gd name="connsiteY2" fmla="*/ 0 h 791741"/>
                  <a:gd name="connsiteX3" fmla="*/ 0 w 1331344"/>
                  <a:gd name="connsiteY3" fmla="*/ 538884 h 791741"/>
                  <a:gd name="connsiteX4" fmla="*/ 1331344 w 1331344"/>
                  <a:gd name="connsiteY4" fmla="*/ 791741 h 791741"/>
                  <a:gd name="connsiteX0" fmla="*/ 1331344 w 1331344"/>
                  <a:gd name="connsiteY0" fmla="*/ 783314 h 783314"/>
                  <a:gd name="connsiteX1" fmla="*/ 778134 w 1331344"/>
                  <a:gd name="connsiteY1" fmla="*/ 99878 h 783314"/>
                  <a:gd name="connsiteX2" fmla="*/ 29701 w 1331344"/>
                  <a:gd name="connsiteY2" fmla="*/ 0 h 783314"/>
                  <a:gd name="connsiteX3" fmla="*/ 0 w 1331344"/>
                  <a:gd name="connsiteY3" fmla="*/ 538884 h 783314"/>
                  <a:gd name="connsiteX4" fmla="*/ 1331344 w 1331344"/>
                  <a:gd name="connsiteY4" fmla="*/ 783314 h 783314"/>
                  <a:gd name="connsiteX0" fmla="*/ 1338298 w 1338298"/>
                  <a:gd name="connsiteY0" fmla="*/ 783314 h 783314"/>
                  <a:gd name="connsiteX1" fmla="*/ 785088 w 1338298"/>
                  <a:gd name="connsiteY1" fmla="*/ 99878 h 783314"/>
                  <a:gd name="connsiteX2" fmla="*/ 36655 w 1338298"/>
                  <a:gd name="connsiteY2" fmla="*/ 0 h 783314"/>
                  <a:gd name="connsiteX3" fmla="*/ 0 w 1338298"/>
                  <a:gd name="connsiteY3" fmla="*/ 535408 h 783314"/>
                  <a:gd name="connsiteX4" fmla="*/ 1338298 w 1338298"/>
                  <a:gd name="connsiteY4" fmla="*/ 783314 h 783314"/>
                  <a:gd name="connsiteX0" fmla="*/ 1338298 w 1338298"/>
                  <a:gd name="connsiteY0" fmla="*/ 793745 h 793745"/>
                  <a:gd name="connsiteX1" fmla="*/ 785088 w 1338298"/>
                  <a:gd name="connsiteY1" fmla="*/ 110309 h 793745"/>
                  <a:gd name="connsiteX2" fmla="*/ 29702 w 1338298"/>
                  <a:gd name="connsiteY2" fmla="*/ 0 h 793745"/>
                  <a:gd name="connsiteX3" fmla="*/ 0 w 1338298"/>
                  <a:gd name="connsiteY3" fmla="*/ 545839 h 793745"/>
                  <a:gd name="connsiteX4" fmla="*/ 1338298 w 1338298"/>
                  <a:gd name="connsiteY4" fmla="*/ 793745 h 793745"/>
                  <a:gd name="connsiteX0" fmla="*/ 1334822 w 1334822"/>
                  <a:gd name="connsiteY0" fmla="*/ 793745 h 793745"/>
                  <a:gd name="connsiteX1" fmla="*/ 781612 w 1334822"/>
                  <a:gd name="connsiteY1" fmla="*/ 110309 h 793745"/>
                  <a:gd name="connsiteX2" fmla="*/ 26226 w 1334822"/>
                  <a:gd name="connsiteY2" fmla="*/ 0 h 793745"/>
                  <a:gd name="connsiteX3" fmla="*/ 0 w 1334822"/>
                  <a:gd name="connsiteY3" fmla="*/ 552793 h 793745"/>
                  <a:gd name="connsiteX4" fmla="*/ 1334822 w 1334822"/>
                  <a:gd name="connsiteY4" fmla="*/ 793745 h 793745"/>
                  <a:gd name="connsiteX0" fmla="*/ 1334822 w 1334822"/>
                  <a:gd name="connsiteY0" fmla="*/ 793745 h 793745"/>
                  <a:gd name="connsiteX1" fmla="*/ 771182 w 1334822"/>
                  <a:gd name="connsiteY1" fmla="*/ 99879 h 793745"/>
                  <a:gd name="connsiteX2" fmla="*/ 26226 w 1334822"/>
                  <a:gd name="connsiteY2" fmla="*/ 0 h 793745"/>
                  <a:gd name="connsiteX3" fmla="*/ 0 w 1334822"/>
                  <a:gd name="connsiteY3" fmla="*/ 552793 h 793745"/>
                  <a:gd name="connsiteX4" fmla="*/ 1334822 w 1334822"/>
                  <a:gd name="connsiteY4" fmla="*/ 793745 h 793745"/>
                  <a:gd name="connsiteX0" fmla="*/ 1334822 w 1334822"/>
                  <a:gd name="connsiteY0" fmla="*/ 804176 h 804176"/>
                  <a:gd name="connsiteX1" fmla="*/ 771182 w 1334822"/>
                  <a:gd name="connsiteY1" fmla="*/ 110310 h 804176"/>
                  <a:gd name="connsiteX2" fmla="*/ 26226 w 1334822"/>
                  <a:gd name="connsiteY2" fmla="*/ 0 h 804176"/>
                  <a:gd name="connsiteX3" fmla="*/ 0 w 1334822"/>
                  <a:gd name="connsiteY3" fmla="*/ 563224 h 804176"/>
                  <a:gd name="connsiteX4" fmla="*/ 1334822 w 1334822"/>
                  <a:gd name="connsiteY4" fmla="*/ 804176 h 804176"/>
                  <a:gd name="connsiteX0" fmla="*/ 1334822 w 1334822"/>
                  <a:gd name="connsiteY0" fmla="*/ 804176 h 804176"/>
                  <a:gd name="connsiteX1" fmla="*/ 771182 w 1334822"/>
                  <a:gd name="connsiteY1" fmla="*/ 110310 h 804176"/>
                  <a:gd name="connsiteX2" fmla="*/ 26226 w 1334822"/>
                  <a:gd name="connsiteY2" fmla="*/ 0 h 804176"/>
                  <a:gd name="connsiteX3" fmla="*/ 0 w 1334822"/>
                  <a:gd name="connsiteY3" fmla="*/ 559747 h 804176"/>
                  <a:gd name="connsiteX4" fmla="*/ 1334822 w 1334822"/>
                  <a:gd name="connsiteY4" fmla="*/ 804176 h 804176"/>
                  <a:gd name="connsiteX0" fmla="*/ 1345252 w 1345252"/>
                  <a:gd name="connsiteY0" fmla="*/ 811130 h 811130"/>
                  <a:gd name="connsiteX1" fmla="*/ 771182 w 1345252"/>
                  <a:gd name="connsiteY1" fmla="*/ 110310 h 811130"/>
                  <a:gd name="connsiteX2" fmla="*/ 26226 w 1345252"/>
                  <a:gd name="connsiteY2" fmla="*/ 0 h 811130"/>
                  <a:gd name="connsiteX3" fmla="*/ 0 w 1345252"/>
                  <a:gd name="connsiteY3" fmla="*/ 559747 h 811130"/>
                  <a:gd name="connsiteX4" fmla="*/ 1345252 w 1345252"/>
                  <a:gd name="connsiteY4" fmla="*/ 811130 h 811130"/>
                  <a:gd name="connsiteX0" fmla="*/ 1338299 w 1338299"/>
                  <a:gd name="connsiteY0" fmla="*/ 807653 h 807653"/>
                  <a:gd name="connsiteX1" fmla="*/ 771182 w 1338299"/>
                  <a:gd name="connsiteY1" fmla="*/ 110310 h 807653"/>
                  <a:gd name="connsiteX2" fmla="*/ 26226 w 1338299"/>
                  <a:gd name="connsiteY2" fmla="*/ 0 h 807653"/>
                  <a:gd name="connsiteX3" fmla="*/ 0 w 1338299"/>
                  <a:gd name="connsiteY3" fmla="*/ 559747 h 807653"/>
                  <a:gd name="connsiteX4" fmla="*/ 1338299 w 1338299"/>
                  <a:gd name="connsiteY4" fmla="*/ 807653 h 807653"/>
                  <a:gd name="connsiteX0" fmla="*/ 1338299 w 1338299"/>
                  <a:gd name="connsiteY0" fmla="*/ 813790 h 813790"/>
                  <a:gd name="connsiteX1" fmla="*/ 771182 w 1338299"/>
                  <a:gd name="connsiteY1" fmla="*/ 116447 h 813790"/>
                  <a:gd name="connsiteX2" fmla="*/ 26226 w 1338299"/>
                  <a:gd name="connsiteY2" fmla="*/ 0 h 813790"/>
                  <a:gd name="connsiteX3" fmla="*/ 0 w 1338299"/>
                  <a:gd name="connsiteY3" fmla="*/ 565884 h 813790"/>
                  <a:gd name="connsiteX4" fmla="*/ 1338299 w 1338299"/>
                  <a:gd name="connsiteY4" fmla="*/ 813790 h 813790"/>
                  <a:gd name="connsiteX0" fmla="*/ 1341368 w 1341368"/>
                  <a:gd name="connsiteY0" fmla="*/ 813790 h 813790"/>
                  <a:gd name="connsiteX1" fmla="*/ 774251 w 1341368"/>
                  <a:gd name="connsiteY1" fmla="*/ 116447 h 813790"/>
                  <a:gd name="connsiteX2" fmla="*/ 29295 w 1341368"/>
                  <a:gd name="connsiteY2" fmla="*/ 0 h 813790"/>
                  <a:gd name="connsiteX3" fmla="*/ 0 w 1341368"/>
                  <a:gd name="connsiteY3" fmla="*/ 565884 h 813790"/>
                  <a:gd name="connsiteX4" fmla="*/ 1341368 w 1341368"/>
                  <a:gd name="connsiteY4" fmla="*/ 813790 h 8137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341368" h="813790">
                    <a:moveTo>
                      <a:pt x="1341368" y="813790"/>
                    </a:moveTo>
                    <a:lnTo>
                      <a:pt x="774251" y="116447"/>
                    </a:lnTo>
                    <a:lnTo>
                      <a:pt x="29295" y="0"/>
                    </a:lnTo>
                    <a:lnTo>
                      <a:pt x="0" y="565884"/>
                    </a:lnTo>
                    <a:lnTo>
                      <a:pt x="1341368" y="813790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  <p:sp>
            <p:nvSpPr>
              <p:cNvPr id="20" name="Trapezoid 4"/>
              <p:cNvSpPr/>
              <p:nvPr userDrawn="1"/>
            </p:nvSpPr>
            <p:spPr>
              <a:xfrm>
                <a:off x="2275430" y="1675094"/>
                <a:ext cx="1193064" cy="1047474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1010860 h 1402717"/>
                  <a:gd name="connsiteX1" fmla="*/ 555026 w 1373931"/>
                  <a:gd name="connsiteY1" fmla="*/ 188368 h 1402717"/>
                  <a:gd name="connsiteX2" fmla="*/ 1188729 w 1373931"/>
                  <a:gd name="connsiteY2" fmla="*/ 0 h 1402717"/>
                  <a:gd name="connsiteX3" fmla="*/ 1373931 w 1373931"/>
                  <a:gd name="connsiteY3" fmla="*/ 1402717 h 1402717"/>
                  <a:gd name="connsiteX4" fmla="*/ 0 w 1373931"/>
                  <a:gd name="connsiteY4" fmla="*/ 1010860 h 1402717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16888 w 1188729"/>
                  <a:gd name="connsiteY3" fmla="*/ 736933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2171 w 1188729"/>
                  <a:gd name="connsiteY3" fmla="*/ 513601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6385 w 1188729"/>
                  <a:gd name="connsiteY3" fmla="*/ 534670 h 1010860"/>
                  <a:gd name="connsiteX4" fmla="*/ 0 w 1188729"/>
                  <a:gd name="connsiteY4" fmla="*/ 1010860 h 1010860"/>
                  <a:gd name="connsiteX0" fmla="*/ 0 w 1176087"/>
                  <a:gd name="connsiteY0" fmla="*/ 1006646 h 1006646"/>
                  <a:gd name="connsiteX1" fmla="*/ 555026 w 1176087"/>
                  <a:gd name="connsiteY1" fmla="*/ 184154 h 1006646"/>
                  <a:gd name="connsiteX2" fmla="*/ 1176087 w 1176087"/>
                  <a:gd name="connsiteY2" fmla="*/ 0 h 1006646"/>
                  <a:gd name="connsiteX3" fmla="*/ 1146385 w 1176087"/>
                  <a:gd name="connsiteY3" fmla="*/ 530456 h 1006646"/>
                  <a:gd name="connsiteX4" fmla="*/ 0 w 1176087"/>
                  <a:gd name="connsiteY4" fmla="*/ 1006646 h 1006646"/>
                  <a:gd name="connsiteX0" fmla="*/ 0 w 978037"/>
                  <a:gd name="connsiteY0" fmla="*/ 901300 h 901300"/>
                  <a:gd name="connsiteX1" fmla="*/ 356976 w 978037"/>
                  <a:gd name="connsiteY1" fmla="*/ 184154 h 901300"/>
                  <a:gd name="connsiteX2" fmla="*/ 978037 w 978037"/>
                  <a:gd name="connsiteY2" fmla="*/ 0 h 901300"/>
                  <a:gd name="connsiteX3" fmla="*/ 948335 w 978037"/>
                  <a:gd name="connsiteY3" fmla="*/ 530456 h 901300"/>
                  <a:gd name="connsiteX4" fmla="*/ 0 w 978037"/>
                  <a:gd name="connsiteY4" fmla="*/ 901300 h 901300"/>
                  <a:gd name="connsiteX0" fmla="*/ 0 w 1155018"/>
                  <a:gd name="connsiteY0" fmla="*/ 989790 h 989790"/>
                  <a:gd name="connsiteX1" fmla="*/ 533957 w 1155018"/>
                  <a:gd name="connsiteY1" fmla="*/ 18415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656158 w 1155018"/>
                  <a:gd name="connsiteY1" fmla="*/ 38220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0812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42385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2816 w 1155018"/>
                  <a:gd name="connsiteY1" fmla="*/ 167507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63246 w 1155018"/>
                  <a:gd name="connsiteY1" fmla="*/ 167507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9769 w 1155018"/>
                  <a:gd name="connsiteY1" fmla="*/ 160553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65449"/>
                  <a:gd name="connsiteY0" fmla="*/ 1010651 h 1010651"/>
                  <a:gd name="connsiteX1" fmla="*/ 559769 w 1165449"/>
                  <a:gd name="connsiteY1" fmla="*/ 181414 h 1010651"/>
                  <a:gd name="connsiteX2" fmla="*/ 1165449 w 1165449"/>
                  <a:gd name="connsiteY2" fmla="*/ 0 h 1010651"/>
                  <a:gd name="connsiteX3" fmla="*/ 1125316 w 1165449"/>
                  <a:gd name="connsiteY3" fmla="*/ 551317 h 1010651"/>
                  <a:gd name="connsiteX4" fmla="*/ 0 w 1165449"/>
                  <a:gd name="connsiteY4" fmla="*/ 1010651 h 1010651"/>
                  <a:gd name="connsiteX0" fmla="*/ 0 w 1165449"/>
                  <a:gd name="connsiteY0" fmla="*/ 1010651 h 1010651"/>
                  <a:gd name="connsiteX1" fmla="*/ 559769 w 1165449"/>
                  <a:gd name="connsiteY1" fmla="*/ 181414 h 1010651"/>
                  <a:gd name="connsiteX2" fmla="*/ 1165449 w 1165449"/>
                  <a:gd name="connsiteY2" fmla="*/ 0 h 1010651"/>
                  <a:gd name="connsiteX3" fmla="*/ 1132270 w 1165449"/>
                  <a:gd name="connsiteY3" fmla="*/ 568701 h 1010651"/>
                  <a:gd name="connsiteX4" fmla="*/ 0 w 1165449"/>
                  <a:gd name="connsiteY4" fmla="*/ 1010651 h 1010651"/>
                  <a:gd name="connsiteX0" fmla="*/ 0 w 1165449"/>
                  <a:gd name="connsiteY0" fmla="*/ 1010651 h 1010651"/>
                  <a:gd name="connsiteX1" fmla="*/ 559769 w 1165449"/>
                  <a:gd name="connsiteY1" fmla="*/ 181414 h 1010651"/>
                  <a:gd name="connsiteX2" fmla="*/ 1165449 w 1165449"/>
                  <a:gd name="connsiteY2" fmla="*/ 0 h 1010651"/>
                  <a:gd name="connsiteX3" fmla="*/ 1139224 w 1165449"/>
                  <a:gd name="connsiteY3" fmla="*/ 558270 h 1010651"/>
                  <a:gd name="connsiteX4" fmla="*/ 0 w 1165449"/>
                  <a:gd name="connsiteY4" fmla="*/ 1010651 h 1010651"/>
                  <a:gd name="connsiteX0" fmla="*/ 0 w 1165449"/>
                  <a:gd name="connsiteY0" fmla="*/ 1022925 h 1022925"/>
                  <a:gd name="connsiteX1" fmla="*/ 559769 w 1165449"/>
                  <a:gd name="connsiteY1" fmla="*/ 193688 h 1022925"/>
                  <a:gd name="connsiteX2" fmla="*/ 1165449 w 1165449"/>
                  <a:gd name="connsiteY2" fmla="*/ 0 h 1022925"/>
                  <a:gd name="connsiteX3" fmla="*/ 1139224 w 1165449"/>
                  <a:gd name="connsiteY3" fmla="*/ 570544 h 1022925"/>
                  <a:gd name="connsiteX4" fmla="*/ 0 w 1165449"/>
                  <a:gd name="connsiteY4" fmla="*/ 1022925 h 1022925"/>
                  <a:gd name="connsiteX0" fmla="*/ 0 w 1165449"/>
                  <a:gd name="connsiteY0" fmla="*/ 1022925 h 1022925"/>
                  <a:gd name="connsiteX1" fmla="*/ 572043 w 1165449"/>
                  <a:gd name="connsiteY1" fmla="*/ 181414 h 1022925"/>
                  <a:gd name="connsiteX2" fmla="*/ 1165449 w 1165449"/>
                  <a:gd name="connsiteY2" fmla="*/ 0 h 1022925"/>
                  <a:gd name="connsiteX3" fmla="*/ 1139224 w 1165449"/>
                  <a:gd name="connsiteY3" fmla="*/ 570544 h 1022925"/>
                  <a:gd name="connsiteX4" fmla="*/ 0 w 1165449"/>
                  <a:gd name="connsiteY4" fmla="*/ 1022925 h 1022925"/>
                  <a:gd name="connsiteX0" fmla="*/ 0 w 1165449"/>
                  <a:gd name="connsiteY0" fmla="*/ 1019857 h 1019857"/>
                  <a:gd name="connsiteX1" fmla="*/ 572043 w 1165449"/>
                  <a:gd name="connsiteY1" fmla="*/ 178346 h 1019857"/>
                  <a:gd name="connsiteX2" fmla="*/ 1165449 w 1165449"/>
                  <a:gd name="connsiteY2" fmla="*/ 0 h 1019857"/>
                  <a:gd name="connsiteX3" fmla="*/ 1139224 w 1165449"/>
                  <a:gd name="connsiteY3" fmla="*/ 567476 h 1019857"/>
                  <a:gd name="connsiteX4" fmla="*/ 0 w 1165449"/>
                  <a:gd name="connsiteY4" fmla="*/ 1019857 h 1019857"/>
                  <a:gd name="connsiteX0" fmla="*/ 0 w 1189996"/>
                  <a:gd name="connsiteY0" fmla="*/ 1044405 h 1044405"/>
                  <a:gd name="connsiteX1" fmla="*/ 596590 w 1189996"/>
                  <a:gd name="connsiteY1" fmla="*/ 178346 h 1044405"/>
                  <a:gd name="connsiteX2" fmla="*/ 1189996 w 1189996"/>
                  <a:gd name="connsiteY2" fmla="*/ 0 h 1044405"/>
                  <a:gd name="connsiteX3" fmla="*/ 1163771 w 1189996"/>
                  <a:gd name="connsiteY3" fmla="*/ 567476 h 1044405"/>
                  <a:gd name="connsiteX4" fmla="*/ 0 w 1189996"/>
                  <a:gd name="connsiteY4" fmla="*/ 1044405 h 1044405"/>
                  <a:gd name="connsiteX0" fmla="*/ 0 w 1183859"/>
                  <a:gd name="connsiteY0" fmla="*/ 1038268 h 1038268"/>
                  <a:gd name="connsiteX1" fmla="*/ 590453 w 1183859"/>
                  <a:gd name="connsiteY1" fmla="*/ 178346 h 1038268"/>
                  <a:gd name="connsiteX2" fmla="*/ 1183859 w 1183859"/>
                  <a:gd name="connsiteY2" fmla="*/ 0 h 1038268"/>
                  <a:gd name="connsiteX3" fmla="*/ 1157634 w 1183859"/>
                  <a:gd name="connsiteY3" fmla="*/ 567476 h 1038268"/>
                  <a:gd name="connsiteX4" fmla="*/ 0 w 1183859"/>
                  <a:gd name="connsiteY4" fmla="*/ 1038268 h 1038268"/>
                  <a:gd name="connsiteX0" fmla="*/ 0 w 1183859"/>
                  <a:gd name="connsiteY0" fmla="*/ 1038268 h 1038268"/>
                  <a:gd name="connsiteX1" fmla="*/ 590453 w 1183859"/>
                  <a:gd name="connsiteY1" fmla="*/ 178346 h 1038268"/>
                  <a:gd name="connsiteX2" fmla="*/ 1183859 w 1183859"/>
                  <a:gd name="connsiteY2" fmla="*/ 0 h 1038268"/>
                  <a:gd name="connsiteX3" fmla="*/ 1151497 w 1183859"/>
                  <a:gd name="connsiteY3" fmla="*/ 567476 h 1038268"/>
                  <a:gd name="connsiteX4" fmla="*/ 0 w 1183859"/>
                  <a:gd name="connsiteY4" fmla="*/ 1038268 h 1038268"/>
                  <a:gd name="connsiteX0" fmla="*/ 0 w 1183859"/>
                  <a:gd name="connsiteY0" fmla="*/ 1038268 h 1038268"/>
                  <a:gd name="connsiteX1" fmla="*/ 590453 w 1183859"/>
                  <a:gd name="connsiteY1" fmla="*/ 178346 h 1038268"/>
                  <a:gd name="connsiteX2" fmla="*/ 1183859 w 1183859"/>
                  <a:gd name="connsiteY2" fmla="*/ 0 h 1038268"/>
                  <a:gd name="connsiteX3" fmla="*/ 1151497 w 1183859"/>
                  <a:gd name="connsiteY3" fmla="*/ 558270 h 1038268"/>
                  <a:gd name="connsiteX4" fmla="*/ 0 w 1183859"/>
                  <a:gd name="connsiteY4" fmla="*/ 1038268 h 1038268"/>
                  <a:gd name="connsiteX0" fmla="*/ 0 w 1183859"/>
                  <a:gd name="connsiteY0" fmla="*/ 1038268 h 1038268"/>
                  <a:gd name="connsiteX1" fmla="*/ 590453 w 1183859"/>
                  <a:gd name="connsiteY1" fmla="*/ 178346 h 1038268"/>
                  <a:gd name="connsiteX2" fmla="*/ 1183859 w 1183859"/>
                  <a:gd name="connsiteY2" fmla="*/ 0 h 1038268"/>
                  <a:gd name="connsiteX3" fmla="*/ 1151497 w 1183859"/>
                  <a:gd name="connsiteY3" fmla="*/ 564407 h 1038268"/>
                  <a:gd name="connsiteX4" fmla="*/ 0 w 1183859"/>
                  <a:gd name="connsiteY4" fmla="*/ 1038268 h 1038268"/>
                  <a:gd name="connsiteX0" fmla="*/ 0 w 1193064"/>
                  <a:gd name="connsiteY0" fmla="*/ 1047474 h 1047474"/>
                  <a:gd name="connsiteX1" fmla="*/ 599658 w 1193064"/>
                  <a:gd name="connsiteY1" fmla="*/ 178346 h 1047474"/>
                  <a:gd name="connsiteX2" fmla="*/ 1193064 w 1193064"/>
                  <a:gd name="connsiteY2" fmla="*/ 0 h 1047474"/>
                  <a:gd name="connsiteX3" fmla="*/ 1160702 w 1193064"/>
                  <a:gd name="connsiteY3" fmla="*/ 564407 h 1047474"/>
                  <a:gd name="connsiteX4" fmla="*/ 0 w 1193064"/>
                  <a:gd name="connsiteY4" fmla="*/ 1047474 h 10474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93064" h="1047474">
                    <a:moveTo>
                      <a:pt x="0" y="1047474"/>
                    </a:moveTo>
                    <a:lnTo>
                      <a:pt x="599658" y="178346"/>
                    </a:lnTo>
                    <a:lnTo>
                      <a:pt x="1193064" y="0"/>
                    </a:lnTo>
                    <a:lnTo>
                      <a:pt x="1160702" y="564407"/>
                    </a:lnTo>
                    <a:lnTo>
                      <a:pt x="0" y="1047474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  <p:grpSp>
          <p:nvGrpSpPr>
            <p:cNvPr id="9" name="Group 8"/>
            <p:cNvGrpSpPr/>
            <p:nvPr userDrawn="1"/>
          </p:nvGrpSpPr>
          <p:grpSpPr>
            <a:xfrm>
              <a:off x="1317371" y="1471796"/>
              <a:ext cx="2504413" cy="1319478"/>
              <a:chOff x="2268379" y="1798697"/>
              <a:chExt cx="2534450" cy="1335303"/>
            </a:xfrm>
            <a:grpFill/>
          </p:grpSpPr>
          <p:sp>
            <p:nvSpPr>
              <p:cNvPr id="13" name="Trapezoid 4"/>
              <p:cNvSpPr/>
              <p:nvPr userDrawn="1"/>
            </p:nvSpPr>
            <p:spPr>
              <a:xfrm>
                <a:off x="3601414" y="1798697"/>
                <a:ext cx="1201415" cy="1335303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15376 h 1207233"/>
                  <a:gd name="connsiteX1" fmla="*/ 192112 w 1373931"/>
                  <a:gd name="connsiteY1" fmla="*/ 0 h 1207233"/>
                  <a:gd name="connsiteX2" fmla="*/ 1302502 w 1373931"/>
                  <a:gd name="connsiteY2" fmla="*/ 171119 h 1207233"/>
                  <a:gd name="connsiteX3" fmla="*/ 1373931 w 1373931"/>
                  <a:gd name="connsiteY3" fmla="*/ 1207233 h 1207233"/>
                  <a:gd name="connsiteX4" fmla="*/ 0 w 1373931"/>
                  <a:gd name="connsiteY4" fmla="*/ 815376 h 1207233"/>
                  <a:gd name="connsiteX0" fmla="*/ 0 w 1373931"/>
                  <a:gd name="connsiteY0" fmla="*/ 1081888 h 1473745"/>
                  <a:gd name="connsiteX1" fmla="*/ 192112 w 1373931"/>
                  <a:gd name="connsiteY1" fmla="*/ 266512 h 1473745"/>
                  <a:gd name="connsiteX2" fmla="*/ 829291 w 1373931"/>
                  <a:gd name="connsiteY2" fmla="*/ 0 h 1473745"/>
                  <a:gd name="connsiteX3" fmla="*/ 1373931 w 1373931"/>
                  <a:gd name="connsiteY3" fmla="*/ 1473745 h 1473745"/>
                  <a:gd name="connsiteX4" fmla="*/ 0 w 1373931"/>
                  <a:gd name="connsiteY4" fmla="*/ 1081888 h 1473745"/>
                  <a:gd name="connsiteX0" fmla="*/ 0 w 1359699"/>
                  <a:gd name="connsiteY0" fmla="*/ 1081888 h 1081888"/>
                  <a:gd name="connsiteX1" fmla="*/ 192112 w 1359699"/>
                  <a:gd name="connsiteY1" fmla="*/ 266512 h 1081888"/>
                  <a:gd name="connsiteX2" fmla="*/ 829291 w 1359699"/>
                  <a:gd name="connsiteY2" fmla="*/ 0 h 1081888"/>
                  <a:gd name="connsiteX3" fmla="*/ 1359699 w 1359699"/>
                  <a:gd name="connsiteY3" fmla="*/ 680317 h 1081888"/>
                  <a:gd name="connsiteX4" fmla="*/ 0 w 1359699"/>
                  <a:gd name="connsiteY4" fmla="*/ 1081888 h 1081888"/>
                  <a:gd name="connsiteX0" fmla="*/ 71178 w 1167587"/>
                  <a:gd name="connsiteY0" fmla="*/ 1295367 h 1295367"/>
                  <a:gd name="connsiteX1" fmla="*/ 0 w 1167587"/>
                  <a:gd name="connsiteY1" fmla="*/ 266512 h 1295367"/>
                  <a:gd name="connsiteX2" fmla="*/ 637179 w 1167587"/>
                  <a:gd name="connsiteY2" fmla="*/ 0 h 1295367"/>
                  <a:gd name="connsiteX3" fmla="*/ 1167587 w 1167587"/>
                  <a:gd name="connsiteY3" fmla="*/ 680317 h 1295367"/>
                  <a:gd name="connsiteX4" fmla="*/ 71178 w 1167587"/>
                  <a:gd name="connsiteY4" fmla="*/ 1295367 h 1295367"/>
                  <a:gd name="connsiteX0" fmla="*/ 71178 w 1171145"/>
                  <a:gd name="connsiteY0" fmla="*/ 1295367 h 1295367"/>
                  <a:gd name="connsiteX1" fmla="*/ 0 w 1171145"/>
                  <a:gd name="connsiteY1" fmla="*/ 266512 h 1295367"/>
                  <a:gd name="connsiteX2" fmla="*/ 637179 w 1171145"/>
                  <a:gd name="connsiteY2" fmla="*/ 0 h 1295367"/>
                  <a:gd name="connsiteX3" fmla="*/ 1171145 w 1171145"/>
                  <a:gd name="connsiteY3" fmla="*/ 687433 h 1295367"/>
                  <a:gd name="connsiteX4" fmla="*/ 71178 w 1171145"/>
                  <a:gd name="connsiteY4" fmla="*/ 1295367 h 1295367"/>
                  <a:gd name="connsiteX0" fmla="*/ 66844 w 1171145"/>
                  <a:gd name="connsiteY0" fmla="*/ 1325702 h 1325702"/>
                  <a:gd name="connsiteX1" fmla="*/ 0 w 1171145"/>
                  <a:gd name="connsiteY1" fmla="*/ 266512 h 1325702"/>
                  <a:gd name="connsiteX2" fmla="*/ 637179 w 1171145"/>
                  <a:gd name="connsiteY2" fmla="*/ 0 h 1325702"/>
                  <a:gd name="connsiteX3" fmla="*/ 1171145 w 1171145"/>
                  <a:gd name="connsiteY3" fmla="*/ 687433 h 1325702"/>
                  <a:gd name="connsiteX4" fmla="*/ 66844 w 1171145"/>
                  <a:gd name="connsiteY4" fmla="*/ 1325702 h 1325702"/>
                  <a:gd name="connsiteX0" fmla="*/ 75512 w 1179813"/>
                  <a:gd name="connsiteY0" fmla="*/ 1325702 h 1325702"/>
                  <a:gd name="connsiteX1" fmla="*/ 0 w 1179813"/>
                  <a:gd name="connsiteY1" fmla="*/ 275180 h 1325702"/>
                  <a:gd name="connsiteX2" fmla="*/ 645847 w 1179813"/>
                  <a:gd name="connsiteY2" fmla="*/ 0 h 1325702"/>
                  <a:gd name="connsiteX3" fmla="*/ 1179813 w 1179813"/>
                  <a:gd name="connsiteY3" fmla="*/ 687433 h 1325702"/>
                  <a:gd name="connsiteX4" fmla="*/ 75512 w 1179813"/>
                  <a:gd name="connsiteY4" fmla="*/ 1325702 h 1325702"/>
                  <a:gd name="connsiteX0" fmla="*/ 79846 w 1184147"/>
                  <a:gd name="connsiteY0" fmla="*/ 1325702 h 1325702"/>
                  <a:gd name="connsiteX1" fmla="*/ 0 w 1184147"/>
                  <a:gd name="connsiteY1" fmla="*/ 257846 h 1325702"/>
                  <a:gd name="connsiteX2" fmla="*/ 650181 w 1184147"/>
                  <a:gd name="connsiteY2" fmla="*/ 0 h 1325702"/>
                  <a:gd name="connsiteX3" fmla="*/ 1184147 w 1184147"/>
                  <a:gd name="connsiteY3" fmla="*/ 687433 h 1325702"/>
                  <a:gd name="connsiteX4" fmla="*/ 79846 w 1184147"/>
                  <a:gd name="connsiteY4" fmla="*/ 1325702 h 1325702"/>
                  <a:gd name="connsiteX0" fmla="*/ 79846 w 1184147"/>
                  <a:gd name="connsiteY0" fmla="*/ 1338703 h 1338703"/>
                  <a:gd name="connsiteX1" fmla="*/ 0 w 1184147"/>
                  <a:gd name="connsiteY1" fmla="*/ 270847 h 1338703"/>
                  <a:gd name="connsiteX2" fmla="*/ 632846 w 1184147"/>
                  <a:gd name="connsiteY2" fmla="*/ 0 h 1338703"/>
                  <a:gd name="connsiteX3" fmla="*/ 1184147 w 1184147"/>
                  <a:gd name="connsiteY3" fmla="*/ 700434 h 1338703"/>
                  <a:gd name="connsiteX4" fmla="*/ 79846 w 1184147"/>
                  <a:gd name="connsiteY4" fmla="*/ 1338703 h 1338703"/>
                  <a:gd name="connsiteX0" fmla="*/ 79846 w 1192814"/>
                  <a:gd name="connsiteY0" fmla="*/ 1338703 h 1338703"/>
                  <a:gd name="connsiteX1" fmla="*/ 0 w 1192814"/>
                  <a:gd name="connsiteY1" fmla="*/ 270847 h 1338703"/>
                  <a:gd name="connsiteX2" fmla="*/ 632846 w 1192814"/>
                  <a:gd name="connsiteY2" fmla="*/ 0 h 1338703"/>
                  <a:gd name="connsiteX3" fmla="*/ 1192814 w 1192814"/>
                  <a:gd name="connsiteY3" fmla="*/ 713435 h 1338703"/>
                  <a:gd name="connsiteX4" fmla="*/ 79846 w 1192814"/>
                  <a:gd name="connsiteY4" fmla="*/ 1338703 h 1338703"/>
                  <a:gd name="connsiteX0" fmla="*/ 79846 w 1192814"/>
                  <a:gd name="connsiteY0" fmla="*/ 1335303 h 1335303"/>
                  <a:gd name="connsiteX1" fmla="*/ 0 w 1192814"/>
                  <a:gd name="connsiteY1" fmla="*/ 267447 h 1335303"/>
                  <a:gd name="connsiteX2" fmla="*/ 632846 w 1192814"/>
                  <a:gd name="connsiteY2" fmla="*/ 0 h 1335303"/>
                  <a:gd name="connsiteX3" fmla="*/ 1192814 w 1192814"/>
                  <a:gd name="connsiteY3" fmla="*/ 710035 h 1335303"/>
                  <a:gd name="connsiteX4" fmla="*/ 79846 w 1192814"/>
                  <a:gd name="connsiteY4" fmla="*/ 1335303 h 1335303"/>
                  <a:gd name="connsiteX0" fmla="*/ 79846 w 1203012"/>
                  <a:gd name="connsiteY0" fmla="*/ 1335303 h 1335303"/>
                  <a:gd name="connsiteX1" fmla="*/ 0 w 1203012"/>
                  <a:gd name="connsiteY1" fmla="*/ 267447 h 1335303"/>
                  <a:gd name="connsiteX2" fmla="*/ 632846 w 1203012"/>
                  <a:gd name="connsiteY2" fmla="*/ 0 h 1335303"/>
                  <a:gd name="connsiteX3" fmla="*/ 1203012 w 1203012"/>
                  <a:gd name="connsiteY3" fmla="*/ 710035 h 1335303"/>
                  <a:gd name="connsiteX4" fmla="*/ 79846 w 1203012"/>
                  <a:gd name="connsiteY4" fmla="*/ 1335303 h 1335303"/>
                  <a:gd name="connsiteX0" fmla="*/ 83112 w 1206278"/>
                  <a:gd name="connsiteY0" fmla="*/ 1335303 h 1335303"/>
                  <a:gd name="connsiteX1" fmla="*/ 0 w 1206278"/>
                  <a:gd name="connsiteY1" fmla="*/ 267447 h 1335303"/>
                  <a:gd name="connsiteX2" fmla="*/ 636112 w 1206278"/>
                  <a:gd name="connsiteY2" fmla="*/ 0 h 1335303"/>
                  <a:gd name="connsiteX3" fmla="*/ 1206278 w 1206278"/>
                  <a:gd name="connsiteY3" fmla="*/ 710035 h 1335303"/>
                  <a:gd name="connsiteX4" fmla="*/ 83112 w 1206278"/>
                  <a:gd name="connsiteY4" fmla="*/ 1335303 h 1335303"/>
                  <a:gd name="connsiteX0" fmla="*/ 83112 w 1212809"/>
                  <a:gd name="connsiteY0" fmla="*/ 1335303 h 1335303"/>
                  <a:gd name="connsiteX1" fmla="*/ 0 w 1212809"/>
                  <a:gd name="connsiteY1" fmla="*/ 267447 h 1335303"/>
                  <a:gd name="connsiteX2" fmla="*/ 636112 w 1212809"/>
                  <a:gd name="connsiteY2" fmla="*/ 0 h 1335303"/>
                  <a:gd name="connsiteX3" fmla="*/ 1212809 w 1212809"/>
                  <a:gd name="connsiteY3" fmla="*/ 710035 h 1335303"/>
                  <a:gd name="connsiteX4" fmla="*/ 83112 w 1212809"/>
                  <a:gd name="connsiteY4" fmla="*/ 1335303 h 1335303"/>
                  <a:gd name="connsiteX0" fmla="*/ 83112 w 1212809"/>
                  <a:gd name="connsiteY0" fmla="*/ 1335303 h 1335303"/>
                  <a:gd name="connsiteX1" fmla="*/ 0 w 1212809"/>
                  <a:gd name="connsiteY1" fmla="*/ 267447 h 1335303"/>
                  <a:gd name="connsiteX2" fmla="*/ 636112 w 1212809"/>
                  <a:gd name="connsiteY2" fmla="*/ 0 h 1335303"/>
                  <a:gd name="connsiteX3" fmla="*/ 1212809 w 1212809"/>
                  <a:gd name="connsiteY3" fmla="*/ 713301 h 1335303"/>
                  <a:gd name="connsiteX4" fmla="*/ 83112 w 1212809"/>
                  <a:gd name="connsiteY4" fmla="*/ 1335303 h 1335303"/>
                  <a:gd name="connsiteX0" fmla="*/ 83112 w 1209543"/>
                  <a:gd name="connsiteY0" fmla="*/ 1335303 h 1335303"/>
                  <a:gd name="connsiteX1" fmla="*/ 0 w 1209543"/>
                  <a:gd name="connsiteY1" fmla="*/ 267447 h 1335303"/>
                  <a:gd name="connsiteX2" fmla="*/ 636112 w 1209543"/>
                  <a:gd name="connsiteY2" fmla="*/ 0 h 1335303"/>
                  <a:gd name="connsiteX3" fmla="*/ 1209543 w 1209543"/>
                  <a:gd name="connsiteY3" fmla="*/ 716567 h 1335303"/>
                  <a:gd name="connsiteX4" fmla="*/ 83112 w 1209543"/>
                  <a:gd name="connsiteY4" fmla="*/ 1335303 h 1335303"/>
                  <a:gd name="connsiteX0" fmla="*/ 83112 w 1212809"/>
                  <a:gd name="connsiteY0" fmla="*/ 1335303 h 1335303"/>
                  <a:gd name="connsiteX1" fmla="*/ 0 w 1212809"/>
                  <a:gd name="connsiteY1" fmla="*/ 267447 h 1335303"/>
                  <a:gd name="connsiteX2" fmla="*/ 636112 w 1212809"/>
                  <a:gd name="connsiteY2" fmla="*/ 0 h 1335303"/>
                  <a:gd name="connsiteX3" fmla="*/ 1212809 w 1212809"/>
                  <a:gd name="connsiteY3" fmla="*/ 713301 h 1335303"/>
                  <a:gd name="connsiteX4" fmla="*/ 83112 w 1212809"/>
                  <a:gd name="connsiteY4" fmla="*/ 1335303 h 1335303"/>
                  <a:gd name="connsiteX0" fmla="*/ 83112 w 1207112"/>
                  <a:gd name="connsiteY0" fmla="*/ 1335303 h 1335303"/>
                  <a:gd name="connsiteX1" fmla="*/ 0 w 1207112"/>
                  <a:gd name="connsiteY1" fmla="*/ 267447 h 1335303"/>
                  <a:gd name="connsiteX2" fmla="*/ 636112 w 1207112"/>
                  <a:gd name="connsiteY2" fmla="*/ 0 h 1335303"/>
                  <a:gd name="connsiteX3" fmla="*/ 1207112 w 1207112"/>
                  <a:gd name="connsiteY3" fmla="*/ 713301 h 1335303"/>
                  <a:gd name="connsiteX4" fmla="*/ 83112 w 1207112"/>
                  <a:gd name="connsiteY4" fmla="*/ 1335303 h 1335303"/>
                  <a:gd name="connsiteX0" fmla="*/ 77415 w 1201415"/>
                  <a:gd name="connsiteY0" fmla="*/ 1335303 h 1335303"/>
                  <a:gd name="connsiteX1" fmla="*/ 0 w 1201415"/>
                  <a:gd name="connsiteY1" fmla="*/ 270295 h 1335303"/>
                  <a:gd name="connsiteX2" fmla="*/ 630415 w 1201415"/>
                  <a:gd name="connsiteY2" fmla="*/ 0 h 1335303"/>
                  <a:gd name="connsiteX3" fmla="*/ 1201415 w 1201415"/>
                  <a:gd name="connsiteY3" fmla="*/ 713301 h 1335303"/>
                  <a:gd name="connsiteX4" fmla="*/ 77415 w 1201415"/>
                  <a:gd name="connsiteY4" fmla="*/ 1335303 h 133530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201415" h="1335303">
                    <a:moveTo>
                      <a:pt x="77415" y="1335303"/>
                    </a:moveTo>
                    <a:lnTo>
                      <a:pt x="0" y="270295"/>
                    </a:lnTo>
                    <a:lnTo>
                      <a:pt x="630415" y="0"/>
                    </a:lnTo>
                    <a:lnTo>
                      <a:pt x="1201415" y="713301"/>
                    </a:lnTo>
                    <a:lnTo>
                      <a:pt x="77415" y="1335303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 dirty="0"/>
              </a:p>
            </p:txBody>
          </p:sp>
          <p:sp>
            <p:nvSpPr>
              <p:cNvPr id="14" name="Trapezoid 4"/>
              <p:cNvSpPr/>
              <p:nvPr userDrawn="1"/>
            </p:nvSpPr>
            <p:spPr>
              <a:xfrm>
                <a:off x="2268379" y="1893024"/>
                <a:ext cx="1408263" cy="1236480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15503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91266"/>
                  <a:gd name="connsiteY0" fmla="*/ 822492 h 1223016"/>
                  <a:gd name="connsiteX1" fmla="*/ 555026 w 1391266"/>
                  <a:gd name="connsiteY1" fmla="*/ 0 h 1223016"/>
                  <a:gd name="connsiteX2" fmla="*/ 1315503 w 1391266"/>
                  <a:gd name="connsiteY2" fmla="*/ 178235 h 1223016"/>
                  <a:gd name="connsiteX3" fmla="*/ 1391266 w 1391266"/>
                  <a:gd name="connsiteY3" fmla="*/ 1223016 h 1223016"/>
                  <a:gd name="connsiteX4" fmla="*/ 0 w 1391266"/>
                  <a:gd name="connsiteY4" fmla="*/ 822492 h 1223016"/>
                  <a:gd name="connsiteX0" fmla="*/ 0 w 1404863"/>
                  <a:gd name="connsiteY0" fmla="*/ 829290 h 1223016"/>
                  <a:gd name="connsiteX1" fmla="*/ 568623 w 1404863"/>
                  <a:gd name="connsiteY1" fmla="*/ 0 h 1223016"/>
                  <a:gd name="connsiteX2" fmla="*/ 1329100 w 1404863"/>
                  <a:gd name="connsiteY2" fmla="*/ 178235 h 1223016"/>
                  <a:gd name="connsiteX3" fmla="*/ 1404863 w 1404863"/>
                  <a:gd name="connsiteY3" fmla="*/ 1223016 h 1223016"/>
                  <a:gd name="connsiteX4" fmla="*/ 0 w 1404863"/>
                  <a:gd name="connsiteY4" fmla="*/ 829290 h 1223016"/>
                  <a:gd name="connsiteX0" fmla="*/ 0 w 1408263"/>
                  <a:gd name="connsiteY0" fmla="*/ 829290 h 1233214"/>
                  <a:gd name="connsiteX1" fmla="*/ 568623 w 1408263"/>
                  <a:gd name="connsiteY1" fmla="*/ 0 h 1233214"/>
                  <a:gd name="connsiteX2" fmla="*/ 1329100 w 1408263"/>
                  <a:gd name="connsiteY2" fmla="*/ 178235 h 1233214"/>
                  <a:gd name="connsiteX3" fmla="*/ 1408263 w 1408263"/>
                  <a:gd name="connsiteY3" fmla="*/ 1233214 h 1233214"/>
                  <a:gd name="connsiteX4" fmla="*/ 0 w 1408263"/>
                  <a:gd name="connsiteY4" fmla="*/ 829290 h 1233214"/>
                  <a:gd name="connsiteX0" fmla="*/ 0 w 1408263"/>
                  <a:gd name="connsiteY0" fmla="*/ 829290 h 1233214"/>
                  <a:gd name="connsiteX1" fmla="*/ 568623 w 1408263"/>
                  <a:gd name="connsiteY1" fmla="*/ 0 h 1233214"/>
                  <a:gd name="connsiteX2" fmla="*/ 1329100 w 1408263"/>
                  <a:gd name="connsiteY2" fmla="*/ 168438 h 1233214"/>
                  <a:gd name="connsiteX3" fmla="*/ 1408263 w 1408263"/>
                  <a:gd name="connsiteY3" fmla="*/ 1233214 h 1233214"/>
                  <a:gd name="connsiteX4" fmla="*/ 0 w 1408263"/>
                  <a:gd name="connsiteY4" fmla="*/ 829290 h 1233214"/>
                  <a:gd name="connsiteX0" fmla="*/ 0 w 1408263"/>
                  <a:gd name="connsiteY0" fmla="*/ 832556 h 1236480"/>
                  <a:gd name="connsiteX1" fmla="*/ 575154 w 1408263"/>
                  <a:gd name="connsiteY1" fmla="*/ 0 h 1236480"/>
                  <a:gd name="connsiteX2" fmla="*/ 1329100 w 1408263"/>
                  <a:gd name="connsiteY2" fmla="*/ 171704 h 1236480"/>
                  <a:gd name="connsiteX3" fmla="*/ 1408263 w 1408263"/>
                  <a:gd name="connsiteY3" fmla="*/ 1236480 h 1236480"/>
                  <a:gd name="connsiteX4" fmla="*/ 0 w 1408263"/>
                  <a:gd name="connsiteY4" fmla="*/ 832556 h 1236480"/>
                  <a:gd name="connsiteX0" fmla="*/ 0 w 1408263"/>
                  <a:gd name="connsiteY0" fmla="*/ 835822 h 1236480"/>
                  <a:gd name="connsiteX1" fmla="*/ 575154 w 1408263"/>
                  <a:gd name="connsiteY1" fmla="*/ 0 h 1236480"/>
                  <a:gd name="connsiteX2" fmla="*/ 1329100 w 1408263"/>
                  <a:gd name="connsiteY2" fmla="*/ 171704 h 1236480"/>
                  <a:gd name="connsiteX3" fmla="*/ 1408263 w 1408263"/>
                  <a:gd name="connsiteY3" fmla="*/ 1236480 h 1236480"/>
                  <a:gd name="connsiteX4" fmla="*/ 0 w 1408263"/>
                  <a:gd name="connsiteY4" fmla="*/ 835822 h 1236480"/>
                  <a:gd name="connsiteX0" fmla="*/ 0 w 1408263"/>
                  <a:gd name="connsiteY0" fmla="*/ 835822 h 1236480"/>
                  <a:gd name="connsiteX1" fmla="*/ 575154 w 1408263"/>
                  <a:gd name="connsiteY1" fmla="*/ 0 h 1236480"/>
                  <a:gd name="connsiteX2" fmla="*/ 1334797 w 1408263"/>
                  <a:gd name="connsiteY2" fmla="*/ 177401 h 1236480"/>
                  <a:gd name="connsiteX3" fmla="*/ 1408263 w 1408263"/>
                  <a:gd name="connsiteY3" fmla="*/ 1236480 h 1236480"/>
                  <a:gd name="connsiteX4" fmla="*/ 0 w 1408263"/>
                  <a:gd name="connsiteY4" fmla="*/ 835822 h 12364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8263" h="1236480">
                    <a:moveTo>
                      <a:pt x="0" y="835822"/>
                    </a:moveTo>
                    <a:lnTo>
                      <a:pt x="575154" y="0"/>
                    </a:lnTo>
                    <a:lnTo>
                      <a:pt x="1334797" y="177401"/>
                    </a:lnTo>
                    <a:lnTo>
                      <a:pt x="1408263" y="1236480"/>
                    </a:lnTo>
                    <a:lnTo>
                      <a:pt x="0" y="835822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</p:grpSp>
      <p:sp>
        <p:nvSpPr>
          <p:cNvPr id="36" name="Picture Placeholder 6"/>
          <p:cNvSpPr>
            <a:spLocks noGrp="1"/>
          </p:cNvSpPr>
          <p:nvPr userDrawn="1">
            <p:ph type="pic" sz="quarter" idx="172" hasCustomPrompt="1"/>
          </p:nvPr>
        </p:nvSpPr>
        <p:spPr>
          <a:xfrm rot="20029494">
            <a:off x="2850588" y="2577923"/>
            <a:ext cx="582378" cy="524141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 userDrawn="1">
            <p:ph type="pic" sz="quarter" idx="173" hasCustomPrompt="1"/>
          </p:nvPr>
        </p:nvSpPr>
        <p:spPr>
          <a:xfrm rot="930503">
            <a:off x="1849094" y="2649390"/>
            <a:ext cx="582378" cy="524141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grpSp>
        <p:nvGrpSpPr>
          <p:cNvPr id="41" name="Group 40"/>
          <p:cNvGrpSpPr/>
          <p:nvPr userDrawn="1"/>
        </p:nvGrpSpPr>
        <p:grpSpPr>
          <a:xfrm>
            <a:off x="1911096" y="1347614"/>
            <a:ext cx="1371507" cy="1154429"/>
            <a:chOff x="1885034" y="80362"/>
            <a:chExt cx="1371507" cy="1154429"/>
          </a:xfrm>
          <a:solidFill>
            <a:srgbClr val="AAD6D0">
              <a:alpha val="69804"/>
            </a:srgbClr>
          </a:solidFill>
        </p:grpSpPr>
        <p:grpSp>
          <p:nvGrpSpPr>
            <p:cNvPr id="7" name="Group 6"/>
            <p:cNvGrpSpPr/>
            <p:nvPr userDrawn="1"/>
          </p:nvGrpSpPr>
          <p:grpSpPr>
            <a:xfrm>
              <a:off x="1913908" y="94056"/>
              <a:ext cx="1334364" cy="941516"/>
              <a:chOff x="2864682" y="914534"/>
              <a:chExt cx="1350368" cy="952808"/>
            </a:xfrm>
            <a:grpFill/>
          </p:grpSpPr>
          <p:sp>
            <p:nvSpPr>
              <p:cNvPr id="17" name="Isosceles Triangle 4"/>
              <p:cNvSpPr/>
              <p:nvPr userDrawn="1"/>
            </p:nvSpPr>
            <p:spPr>
              <a:xfrm>
                <a:off x="2864682" y="916882"/>
                <a:ext cx="654646" cy="950460"/>
              </a:xfrm>
              <a:custGeom>
                <a:avLst/>
                <a:gdLst>
                  <a:gd name="connsiteX0" fmla="*/ 0 w 2232248"/>
                  <a:gd name="connsiteY0" fmla="*/ 2952328 h 2952328"/>
                  <a:gd name="connsiteX1" fmla="*/ 1116124 w 2232248"/>
                  <a:gd name="connsiteY1" fmla="*/ 0 h 2952328"/>
                  <a:gd name="connsiteX2" fmla="*/ 2232248 w 2232248"/>
                  <a:gd name="connsiteY2" fmla="*/ 2952328 h 2952328"/>
                  <a:gd name="connsiteX3" fmla="*/ 0 w 2232248"/>
                  <a:gd name="connsiteY3" fmla="*/ 2952328 h 2952328"/>
                  <a:gd name="connsiteX0" fmla="*/ 0 w 2232248"/>
                  <a:gd name="connsiteY0" fmla="*/ 3002894 h 3002894"/>
                  <a:gd name="connsiteX1" fmla="*/ 1406878 w 2232248"/>
                  <a:gd name="connsiteY1" fmla="*/ 0 h 3002894"/>
                  <a:gd name="connsiteX2" fmla="*/ 2232248 w 2232248"/>
                  <a:gd name="connsiteY2" fmla="*/ 3002894 h 3002894"/>
                  <a:gd name="connsiteX3" fmla="*/ 0 w 2232248"/>
                  <a:gd name="connsiteY3" fmla="*/ 3002894 h 3002894"/>
                  <a:gd name="connsiteX0" fmla="*/ 0 w 2560926"/>
                  <a:gd name="connsiteY0" fmla="*/ 2556229 h 3002894"/>
                  <a:gd name="connsiteX1" fmla="*/ 1735556 w 2560926"/>
                  <a:gd name="connsiteY1" fmla="*/ 0 h 3002894"/>
                  <a:gd name="connsiteX2" fmla="*/ 2560926 w 2560926"/>
                  <a:gd name="connsiteY2" fmla="*/ 3002894 h 3002894"/>
                  <a:gd name="connsiteX3" fmla="*/ 0 w 2560926"/>
                  <a:gd name="connsiteY3" fmla="*/ 2556229 h 3002894"/>
                  <a:gd name="connsiteX0" fmla="*/ 0 w 1966777"/>
                  <a:gd name="connsiteY0" fmla="*/ 2556229 h 3230441"/>
                  <a:gd name="connsiteX1" fmla="*/ 1735556 w 1966777"/>
                  <a:gd name="connsiteY1" fmla="*/ 0 h 3230441"/>
                  <a:gd name="connsiteX2" fmla="*/ 1966777 w 1966777"/>
                  <a:gd name="connsiteY2" fmla="*/ 3230441 h 3230441"/>
                  <a:gd name="connsiteX3" fmla="*/ 0 w 1966777"/>
                  <a:gd name="connsiteY3" fmla="*/ 2556229 h 3230441"/>
                  <a:gd name="connsiteX0" fmla="*/ 0 w 892460"/>
                  <a:gd name="connsiteY0" fmla="*/ 985757 h 3230441"/>
                  <a:gd name="connsiteX1" fmla="*/ 661239 w 892460"/>
                  <a:gd name="connsiteY1" fmla="*/ 0 h 3230441"/>
                  <a:gd name="connsiteX2" fmla="*/ 892460 w 892460"/>
                  <a:gd name="connsiteY2" fmla="*/ 3230441 h 3230441"/>
                  <a:gd name="connsiteX3" fmla="*/ 0 w 892460"/>
                  <a:gd name="connsiteY3" fmla="*/ 985757 h 3230441"/>
                  <a:gd name="connsiteX0" fmla="*/ 0 w 753044"/>
                  <a:gd name="connsiteY0" fmla="*/ 985757 h 1159714"/>
                  <a:gd name="connsiteX1" fmla="*/ 661239 w 753044"/>
                  <a:gd name="connsiteY1" fmla="*/ 0 h 1159714"/>
                  <a:gd name="connsiteX2" fmla="*/ 753044 w 753044"/>
                  <a:gd name="connsiteY2" fmla="*/ 1159714 h 1159714"/>
                  <a:gd name="connsiteX3" fmla="*/ 0 w 753044"/>
                  <a:gd name="connsiteY3" fmla="*/ 985757 h 1159714"/>
                  <a:gd name="connsiteX0" fmla="*/ 0 w 1384513"/>
                  <a:gd name="connsiteY0" fmla="*/ 985757 h 985757"/>
                  <a:gd name="connsiteX1" fmla="*/ 661239 w 1384513"/>
                  <a:gd name="connsiteY1" fmla="*/ 0 h 985757"/>
                  <a:gd name="connsiteX2" fmla="*/ 1384513 w 1384513"/>
                  <a:gd name="connsiteY2" fmla="*/ 889084 h 985757"/>
                  <a:gd name="connsiteX3" fmla="*/ 0 w 1384513"/>
                  <a:gd name="connsiteY3" fmla="*/ 985757 h 985757"/>
                  <a:gd name="connsiteX0" fmla="*/ 89143 w 723274"/>
                  <a:gd name="connsiteY0" fmla="*/ 1157976 h 1157976"/>
                  <a:gd name="connsiteX1" fmla="*/ 0 w 723274"/>
                  <a:gd name="connsiteY1" fmla="*/ 0 h 1157976"/>
                  <a:gd name="connsiteX2" fmla="*/ 723274 w 723274"/>
                  <a:gd name="connsiteY2" fmla="*/ 889084 h 1157976"/>
                  <a:gd name="connsiteX3" fmla="*/ 89143 w 723274"/>
                  <a:gd name="connsiteY3" fmla="*/ 1157976 h 1157976"/>
                  <a:gd name="connsiteX0" fmla="*/ 89143 w 715073"/>
                  <a:gd name="connsiteY0" fmla="*/ 1157976 h 1157976"/>
                  <a:gd name="connsiteX1" fmla="*/ 0 w 715073"/>
                  <a:gd name="connsiteY1" fmla="*/ 0 h 1157976"/>
                  <a:gd name="connsiteX2" fmla="*/ 715073 w 715073"/>
                  <a:gd name="connsiteY2" fmla="*/ 884983 h 1157976"/>
                  <a:gd name="connsiteX3" fmla="*/ 89143 w 715073"/>
                  <a:gd name="connsiteY3" fmla="*/ 1157976 h 1157976"/>
                  <a:gd name="connsiteX0" fmla="*/ 89143 w 715073"/>
                  <a:gd name="connsiteY0" fmla="*/ 1137474 h 1137474"/>
                  <a:gd name="connsiteX1" fmla="*/ 0 w 715073"/>
                  <a:gd name="connsiteY1" fmla="*/ 0 h 1137474"/>
                  <a:gd name="connsiteX2" fmla="*/ 715073 w 715073"/>
                  <a:gd name="connsiteY2" fmla="*/ 884983 h 1137474"/>
                  <a:gd name="connsiteX3" fmla="*/ 89143 w 715073"/>
                  <a:gd name="connsiteY3" fmla="*/ 1137474 h 1137474"/>
                  <a:gd name="connsiteX0" fmla="*/ 158850 w 715073"/>
                  <a:gd name="connsiteY0" fmla="*/ 1063666 h 1063666"/>
                  <a:gd name="connsiteX1" fmla="*/ 0 w 715073"/>
                  <a:gd name="connsiteY1" fmla="*/ 0 h 1063666"/>
                  <a:gd name="connsiteX2" fmla="*/ 715073 w 715073"/>
                  <a:gd name="connsiteY2" fmla="*/ 884983 h 1063666"/>
                  <a:gd name="connsiteX3" fmla="*/ 158850 w 715073"/>
                  <a:gd name="connsiteY3" fmla="*/ 1063666 h 1063666"/>
                  <a:gd name="connsiteX0" fmla="*/ 105544 w 715073"/>
                  <a:gd name="connsiteY0" fmla="*/ 1133373 h 1133373"/>
                  <a:gd name="connsiteX1" fmla="*/ 0 w 715073"/>
                  <a:gd name="connsiteY1" fmla="*/ 0 h 1133373"/>
                  <a:gd name="connsiteX2" fmla="*/ 715073 w 715073"/>
                  <a:gd name="connsiteY2" fmla="*/ 884983 h 1133373"/>
                  <a:gd name="connsiteX3" fmla="*/ 105544 w 715073"/>
                  <a:gd name="connsiteY3" fmla="*/ 1133373 h 1133373"/>
                  <a:gd name="connsiteX0" fmla="*/ 105544 w 600260"/>
                  <a:gd name="connsiteY0" fmla="*/ 1133373 h 1133373"/>
                  <a:gd name="connsiteX1" fmla="*/ 0 w 600260"/>
                  <a:gd name="connsiteY1" fmla="*/ 0 h 1133373"/>
                  <a:gd name="connsiteX2" fmla="*/ 600260 w 600260"/>
                  <a:gd name="connsiteY2" fmla="*/ 831677 h 1133373"/>
                  <a:gd name="connsiteX3" fmla="*/ 105544 w 600260"/>
                  <a:gd name="connsiteY3" fmla="*/ 1133373 h 1133373"/>
                  <a:gd name="connsiteX0" fmla="*/ 105544 w 706872"/>
                  <a:gd name="connsiteY0" fmla="*/ 1133373 h 1133373"/>
                  <a:gd name="connsiteX1" fmla="*/ 0 w 706872"/>
                  <a:gd name="connsiteY1" fmla="*/ 0 h 1133373"/>
                  <a:gd name="connsiteX2" fmla="*/ 706872 w 706872"/>
                  <a:gd name="connsiteY2" fmla="*/ 876782 h 1133373"/>
                  <a:gd name="connsiteX3" fmla="*/ 105544 w 706872"/>
                  <a:gd name="connsiteY3" fmla="*/ 1133373 h 1133373"/>
                  <a:gd name="connsiteX0" fmla="*/ 52238 w 653566"/>
                  <a:gd name="connsiteY0" fmla="*/ 1133373 h 1133373"/>
                  <a:gd name="connsiteX1" fmla="*/ 0 w 653566"/>
                  <a:gd name="connsiteY1" fmla="*/ 0 h 1133373"/>
                  <a:gd name="connsiteX2" fmla="*/ 653566 w 653566"/>
                  <a:gd name="connsiteY2" fmla="*/ 876782 h 1133373"/>
                  <a:gd name="connsiteX3" fmla="*/ 52238 w 653566"/>
                  <a:gd name="connsiteY3" fmla="*/ 1133373 h 1133373"/>
                  <a:gd name="connsiteX0" fmla="*/ 85042 w 686370"/>
                  <a:gd name="connsiteY0" fmla="*/ 1116971 h 1116971"/>
                  <a:gd name="connsiteX1" fmla="*/ 0 w 686370"/>
                  <a:gd name="connsiteY1" fmla="*/ 0 h 1116971"/>
                  <a:gd name="connsiteX2" fmla="*/ 686370 w 686370"/>
                  <a:gd name="connsiteY2" fmla="*/ 860380 h 1116971"/>
                  <a:gd name="connsiteX3" fmla="*/ 85042 w 686370"/>
                  <a:gd name="connsiteY3" fmla="*/ 1116971 h 1116971"/>
                  <a:gd name="connsiteX0" fmla="*/ 89143 w 690471"/>
                  <a:gd name="connsiteY0" fmla="*/ 1129272 h 1129272"/>
                  <a:gd name="connsiteX1" fmla="*/ 0 w 690471"/>
                  <a:gd name="connsiteY1" fmla="*/ 0 h 1129272"/>
                  <a:gd name="connsiteX2" fmla="*/ 690471 w 690471"/>
                  <a:gd name="connsiteY2" fmla="*/ 872681 h 1129272"/>
                  <a:gd name="connsiteX3" fmla="*/ 89143 w 690471"/>
                  <a:gd name="connsiteY3" fmla="*/ 1129272 h 1129272"/>
                  <a:gd name="connsiteX0" fmla="*/ 0 w 732543"/>
                  <a:gd name="connsiteY0" fmla="*/ 760232 h 872681"/>
                  <a:gd name="connsiteX1" fmla="*/ 42072 w 732543"/>
                  <a:gd name="connsiteY1" fmla="*/ 0 h 872681"/>
                  <a:gd name="connsiteX2" fmla="*/ 732543 w 732543"/>
                  <a:gd name="connsiteY2" fmla="*/ 872681 h 872681"/>
                  <a:gd name="connsiteX3" fmla="*/ 0 w 732543"/>
                  <a:gd name="connsiteY3" fmla="*/ 760232 h 872681"/>
                  <a:gd name="connsiteX0" fmla="*/ 0 w 375804"/>
                  <a:gd name="connsiteY0" fmla="*/ 760232 h 760232"/>
                  <a:gd name="connsiteX1" fmla="*/ 42072 w 375804"/>
                  <a:gd name="connsiteY1" fmla="*/ 0 h 760232"/>
                  <a:gd name="connsiteX2" fmla="*/ 375804 w 375804"/>
                  <a:gd name="connsiteY2" fmla="*/ 556947 h 760232"/>
                  <a:gd name="connsiteX3" fmla="*/ 0 w 375804"/>
                  <a:gd name="connsiteY3" fmla="*/ 760232 h 760232"/>
                  <a:gd name="connsiteX0" fmla="*/ 0 w 728443"/>
                  <a:gd name="connsiteY0" fmla="*/ 760232 h 864481"/>
                  <a:gd name="connsiteX1" fmla="*/ 42072 w 728443"/>
                  <a:gd name="connsiteY1" fmla="*/ 0 h 864481"/>
                  <a:gd name="connsiteX2" fmla="*/ 728443 w 728443"/>
                  <a:gd name="connsiteY2" fmla="*/ 864481 h 864481"/>
                  <a:gd name="connsiteX3" fmla="*/ 0 w 728443"/>
                  <a:gd name="connsiteY3" fmla="*/ 760232 h 864481"/>
                  <a:gd name="connsiteX0" fmla="*/ 0 w 728443"/>
                  <a:gd name="connsiteY0" fmla="*/ 817639 h 921888"/>
                  <a:gd name="connsiteX1" fmla="*/ 378309 w 728443"/>
                  <a:gd name="connsiteY1" fmla="*/ 0 h 921888"/>
                  <a:gd name="connsiteX2" fmla="*/ 728443 w 728443"/>
                  <a:gd name="connsiteY2" fmla="*/ 921888 h 921888"/>
                  <a:gd name="connsiteX3" fmla="*/ 0 w 728443"/>
                  <a:gd name="connsiteY3" fmla="*/ 817639 h 921888"/>
                  <a:gd name="connsiteX0" fmla="*/ 0 w 982671"/>
                  <a:gd name="connsiteY0" fmla="*/ 940653 h 940653"/>
                  <a:gd name="connsiteX1" fmla="*/ 632537 w 982671"/>
                  <a:gd name="connsiteY1" fmla="*/ 0 h 940653"/>
                  <a:gd name="connsiteX2" fmla="*/ 982671 w 982671"/>
                  <a:gd name="connsiteY2" fmla="*/ 921888 h 940653"/>
                  <a:gd name="connsiteX3" fmla="*/ 0 w 982671"/>
                  <a:gd name="connsiteY3" fmla="*/ 940653 h 940653"/>
                  <a:gd name="connsiteX0" fmla="*/ 0 w 632537"/>
                  <a:gd name="connsiteY0" fmla="*/ 940653 h 940653"/>
                  <a:gd name="connsiteX1" fmla="*/ 632537 w 632537"/>
                  <a:gd name="connsiteY1" fmla="*/ 0 h 940653"/>
                  <a:gd name="connsiteX2" fmla="*/ 527521 w 632537"/>
                  <a:gd name="connsiteY2" fmla="*/ 733268 h 940653"/>
                  <a:gd name="connsiteX3" fmla="*/ 0 w 632537"/>
                  <a:gd name="connsiteY3" fmla="*/ 940653 h 940653"/>
                  <a:gd name="connsiteX0" fmla="*/ 0 w 632537"/>
                  <a:gd name="connsiteY0" fmla="*/ 940653 h 940653"/>
                  <a:gd name="connsiteX1" fmla="*/ 632537 w 632537"/>
                  <a:gd name="connsiteY1" fmla="*/ 0 h 940653"/>
                  <a:gd name="connsiteX2" fmla="*/ 597229 w 632537"/>
                  <a:gd name="connsiteY2" fmla="*/ 745569 h 940653"/>
                  <a:gd name="connsiteX3" fmla="*/ 0 w 632537"/>
                  <a:gd name="connsiteY3" fmla="*/ 940653 h 940653"/>
                  <a:gd name="connsiteX0" fmla="*/ 0 w 640738"/>
                  <a:gd name="connsiteY0" fmla="*/ 936553 h 936553"/>
                  <a:gd name="connsiteX1" fmla="*/ 640738 w 640738"/>
                  <a:gd name="connsiteY1" fmla="*/ 0 h 936553"/>
                  <a:gd name="connsiteX2" fmla="*/ 597229 w 640738"/>
                  <a:gd name="connsiteY2" fmla="*/ 741469 h 936553"/>
                  <a:gd name="connsiteX3" fmla="*/ 0 w 640738"/>
                  <a:gd name="connsiteY3" fmla="*/ 936553 h 936553"/>
                  <a:gd name="connsiteX0" fmla="*/ 0 w 651169"/>
                  <a:gd name="connsiteY0" fmla="*/ 950460 h 950460"/>
                  <a:gd name="connsiteX1" fmla="*/ 651169 w 651169"/>
                  <a:gd name="connsiteY1" fmla="*/ 0 h 950460"/>
                  <a:gd name="connsiteX2" fmla="*/ 597229 w 651169"/>
                  <a:gd name="connsiteY2" fmla="*/ 755376 h 950460"/>
                  <a:gd name="connsiteX3" fmla="*/ 0 w 651169"/>
                  <a:gd name="connsiteY3" fmla="*/ 950460 h 950460"/>
                  <a:gd name="connsiteX0" fmla="*/ 0 w 658123"/>
                  <a:gd name="connsiteY0" fmla="*/ 953937 h 953937"/>
                  <a:gd name="connsiteX1" fmla="*/ 658123 w 658123"/>
                  <a:gd name="connsiteY1" fmla="*/ 0 h 953937"/>
                  <a:gd name="connsiteX2" fmla="*/ 597229 w 658123"/>
                  <a:gd name="connsiteY2" fmla="*/ 758853 h 953937"/>
                  <a:gd name="connsiteX3" fmla="*/ 0 w 658123"/>
                  <a:gd name="connsiteY3" fmla="*/ 953937 h 953937"/>
                  <a:gd name="connsiteX0" fmla="*/ 0 w 658123"/>
                  <a:gd name="connsiteY0" fmla="*/ 953937 h 953937"/>
                  <a:gd name="connsiteX1" fmla="*/ 658123 w 658123"/>
                  <a:gd name="connsiteY1" fmla="*/ 0 h 953937"/>
                  <a:gd name="connsiteX2" fmla="*/ 607660 w 658123"/>
                  <a:gd name="connsiteY2" fmla="*/ 790144 h 953937"/>
                  <a:gd name="connsiteX3" fmla="*/ 0 w 658123"/>
                  <a:gd name="connsiteY3" fmla="*/ 953937 h 953937"/>
                  <a:gd name="connsiteX0" fmla="*/ 0 w 658123"/>
                  <a:gd name="connsiteY0" fmla="*/ 953937 h 953937"/>
                  <a:gd name="connsiteX1" fmla="*/ 658123 w 658123"/>
                  <a:gd name="connsiteY1" fmla="*/ 0 h 953937"/>
                  <a:gd name="connsiteX2" fmla="*/ 611137 w 658123"/>
                  <a:gd name="connsiteY2" fmla="*/ 772760 h 953937"/>
                  <a:gd name="connsiteX3" fmla="*/ 0 w 658123"/>
                  <a:gd name="connsiteY3" fmla="*/ 953937 h 953937"/>
                  <a:gd name="connsiteX0" fmla="*/ 0 w 658123"/>
                  <a:gd name="connsiteY0" fmla="*/ 953937 h 953937"/>
                  <a:gd name="connsiteX1" fmla="*/ 658123 w 658123"/>
                  <a:gd name="connsiteY1" fmla="*/ 0 h 953937"/>
                  <a:gd name="connsiteX2" fmla="*/ 611137 w 658123"/>
                  <a:gd name="connsiteY2" fmla="*/ 762329 h 953937"/>
                  <a:gd name="connsiteX3" fmla="*/ 0 w 658123"/>
                  <a:gd name="connsiteY3" fmla="*/ 953937 h 953937"/>
                  <a:gd name="connsiteX0" fmla="*/ 0 w 654646"/>
                  <a:gd name="connsiteY0" fmla="*/ 950460 h 950460"/>
                  <a:gd name="connsiteX1" fmla="*/ 654646 w 654646"/>
                  <a:gd name="connsiteY1" fmla="*/ 0 h 950460"/>
                  <a:gd name="connsiteX2" fmla="*/ 607660 w 654646"/>
                  <a:gd name="connsiteY2" fmla="*/ 762329 h 950460"/>
                  <a:gd name="connsiteX3" fmla="*/ 0 w 654646"/>
                  <a:gd name="connsiteY3" fmla="*/ 950460 h 950460"/>
                  <a:gd name="connsiteX0" fmla="*/ 0 w 654646"/>
                  <a:gd name="connsiteY0" fmla="*/ 950460 h 950460"/>
                  <a:gd name="connsiteX1" fmla="*/ 654646 w 654646"/>
                  <a:gd name="connsiteY1" fmla="*/ 0 h 950460"/>
                  <a:gd name="connsiteX2" fmla="*/ 607660 w 654646"/>
                  <a:gd name="connsiteY2" fmla="*/ 762329 h 950460"/>
                  <a:gd name="connsiteX3" fmla="*/ 10462 w 654646"/>
                  <a:gd name="connsiteY3" fmla="*/ 936466 h 950460"/>
                  <a:gd name="connsiteX4" fmla="*/ 0 w 654646"/>
                  <a:gd name="connsiteY4" fmla="*/ 950460 h 950460"/>
                  <a:gd name="connsiteX0" fmla="*/ 0 w 654646"/>
                  <a:gd name="connsiteY0" fmla="*/ 950460 h 950460"/>
                  <a:gd name="connsiteX1" fmla="*/ 654646 w 654646"/>
                  <a:gd name="connsiteY1" fmla="*/ 0 h 950460"/>
                  <a:gd name="connsiteX2" fmla="*/ 604591 w 654646"/>
                  <a:gd name="connsiteY2" fmla="*/ 753123 h 950460"/>
                  <a:gd name="connsiteX3" fmla="*/ 10462 w 654646"/>
                  <a:gd name="connsiteY3" fmla="*/ 936466 h 950460"/>
                  <a:gd name="connsiteX4" fmla="*/ 0 w 654646"/>
                  <a:gd name="connsiteY4" fmla="*/ 950460 h 9504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54646" h="950460">
                    <a:moveTo>
                      <a:pt x="0" y="950460"/>
                    </a:moveTo>
                    <a:lnTo>
                      <a:pt x="654646" y="0"/>
                    </a:lnTo>
                    <a:lnTo>
                      <a:pt x="604591" y="753123"/>
                    </a:lnTo>
                    <a:lnTo>
                      <a:pt x="10462" y="936466"/>
                    </a:lnTo>
                    <a:lnTo>
                      <a:pt x="0" y="950460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  <p:sp>
            <p:nvSpPr>
              <p:cNvPr id="18" name="Isosceles Triangle 4"/>
              <p:cNvSpPr/>
              <p:nvPr userDrawn="1"/>
            </p:nvSpPr>
            <p:spPr>
              <a:xfrm>
                <a:off x="3469222" y="914534"/>
                <a:ext cx="745828" cy="874911"/>
              </a:xfrm>
              <a:custGeom>
                <a:avLst/>
                <a:gdLst>
                  <a:gd name="connsiteX0" fmla="*/ 0 w 2232248"/>
                  <a:gd name="connsiteY0" fmla="*/ 2952328 h 2952328"/>
                  <a:gd name="connsiteX1" fmla="*/ 1116124 w 2232248"/>
                  <a:gd name="connsiteY1" fmla="*/ 0 h 2952328"/>
                  <a:gd name="connsiteX2" fmla="*/ 2232248 w 2232248"/>
                  <a:gd name="connsiteY2" fmla="*/ 2952328 h 2952328"/>
                  <a:gd name="connsiteX3" fmla="*/ 0 w 2232248"/>
                  <a:gd name="connsiteY3" fmla="*/ 2952328 h 2952328"/>
                  <a:gd name="connsiteX0" fmla="*/ 0 w 2232248"/>
                  <a:gd name="connsiteY0" fmla="*/ 3002894 h 3002894"/>
                  <a:gd name="connsiteX1" fmla="*/ 1406878 w 2232248"/>
                  <a:gd name="connsiteY1" fmla="*/ 0 h 3002894"/>
                  <a:gd name="connsiteX2" fmla="*/ 2232248 w 2232248"/>
                  <a:gd name="connsiteY2" fmla="*/ 3002894 h 3002894"/>
                  <a:gd name="connsiteX3" fmla="*/ 0 w 2232248"/>
                  <a:gd name="connsiteY3" fmla="*/ 3002894 h 3002894"/>
                  <a:gd name="connsiteX0" fmla="*/ 0 w 2560926"/>
                  <a:gd name="connsiteY0" fmla="*/ 2556229 h 3002894"/>
                  <a:gd name="connsiteX1" fmla="*/ 1735556 w 2560926"/>
                  <a:gd name="connsiteY1" fmla="*/ 0 h 3002894"/>
                  <a:gd name="connsiteX2" fmla="*/ 2560926 w 2560926"/>
                  <a:gd name="connsiteY2" fmla="*/ 3002894 h 3002894"/>
                  <a:gd name="connsiteX3" fmla="*/ 0 w 2560926"/>
                  <a:gd name="connsiteY3" fmla="*/ 2556229 h 3002894"/>
                  <a:gd name="connsiteX0" fmla="*/ 0 w 1966777"/>
                  <a:gd name="connsiteY0" fmla="*/ 2556229 h 3230441"/>
                  <a:gd name="connsiteX1" fmla="*/ 1735556 w 1966777"/>
                  <a:gd name="connsiteY1" fmla="*/ 0 h 3230441"/>
                  <a:gd name="connsiteX2" fmla="*/ 1966777 w 1966777"/>
                  <a:gd name="connsiteY2" fmla="*/ 3230441 h 3230441"/>
                  <a:gd name="connsiteX3" fmla="*/ 0 w 1966777"/>
                  <a:gd name="connsiteY3" fmla="*/ 2556229 h 3230441"/>
                  <a:gd name="connsiteX0" fmla="*/ 0 w 892460"/>
                  <a:gd name="connsiteY0" fmla="*/ 985757 h 3230441"/>
                  <a:gd name="connsiteX1" fmla="*/ 661239 w 892460"/>
                  <a:gd name="connsiteY1" fmla="*/ 0 h 3230441"/>
                  <a:gd name="connsiteX2" fmla="*/ 892460 w 892460"/>
                  <a:gd name="connsiteY2" fmla="*/ 3230441 h 3230441"/>
                  <a:gd name="connsiteX3" fmla="*/ 0 w 892460"/>
                  <a:gd name="connsiteY3" fmla="*/ 985757 h 3230441"/>
                  <a:gd name="connsiteX0" fmla="*/ 0 w 753044"/>
                  <a:gd name="connsiteY0" fmla="*/ 985757 h 1159714"/>
                  <a:gd name="connsiteX1" fmla="*/ 661239 w 753044"/>
                  <a:gd name="connsiteY1" fmla="*/ 0 h 1159714"/>
                  <a:gd name="connsiteX2" fmla="*/ 753044 w 753044"/>
                  <a:gd name="connsiteY2" fmla="*/ 1159714 h 1159714"/>
                  <a:gd name="connsiteX3" fmla="*/ 0 w 753044"/>
                  <a:gd name="connsiteY3" fmla="*/ 985757 h 1159714"/>
                  <a:gd name="connsiteX0" fmla="*/ 0 w 1384513"/>
                  <a:gd name="connsiteY0" fmla="*/ 985757 h 985757"/>
                  <a:gd name="connsiteX1" fmla="*/ 661239 w 1384513"/>
                  <a:gd name="connsiteY1" fmla="*/ 0 h 985757"/>
                  <a:gd name="connsiteX2" fmla="*/ 1384513 w 1384513"/>
                  <a:gd name="connsiteY2" fmla="*/ 889084 h 985757"/>
                  <a:gd name="connsiteX3" fmla="*/ 0 w 1384513"/>
                  <a:gd name="connsiteY3" fmla="*/ 985757 h 985757"/>
                  <a:gd name="connsiteX0" fmla="*/ 89143 w 723274"/>
                  <a:gd name="connsiteY0" fmla="*/ 1157976 h 1157976"/>
                  <a:gd name="connsiteX1" fmla="*/ 0 w 723274"/>
                  <a:gd name="connsiteY1" fmla="*/ 0 h 1157976"/>
                  <a:gd name="connsiteX2" fmla="*/ 723274 w 723274"/>
                  <a:gd name="connsiteY2" fmla="*/ 889084 h 1157976"/>
                  <a:gd name="connsiteX3" fmla="*/ 89143 w 723274"/>
                  <a:gd name="connsiteY3" fmla="*/ 1157976 h 1157976"/>
                  <a:gd name="connsiteX0" fmla="*/ 89143 w 715073"/>
                  <a:gd name="connsiteY0" fmla="*/ 1157976 h 1157976"/>
                  <a:gd name="connsiteX1" fmla="*/ 0 w 715073"/>
                  <a:gd name="connsiteY1" fmla="*/ 0 h 1157976"/>
                  <a:gd name="connsiteX2" fmla="*/ 715073 w 715073"/>
                  <a:gd name="connsiteY2" fmla="*/ 884983 h 1157976"/>
                  <a:gd name="connsiteX3" fmla="*/ 89143 w 715073"/>
                  <a:gd name="connsiteY3" fmla="*/ 1157976 h 1157976"/>
                  <a:gd name="connsiteX0" fmla="*/ 89143 w 715073"/>
                  <a:gd name="connsiteY0" fmla="*/ 1137474 h 1137474"/>
                  <a:gd name="connsiteX1" fmla="*/ 0 w 715073"/>
                  <a:gd name="connsiteY1" fmla="*/ 0 h 1137474"/>
                  <a:gd name="connsiteX2" fmla="*/ 715073 w 715073"/>
                  <a:gd name="connsiteY2" fmla="*/ 884983 h 1137474"/>
                  <a:gd name="connsiteX3" fmla="*/ 89143 w 715073"/>
                  <a:gd name="connsiteY3" fmla="*/ 1137474 h 1137474"/>
                  <a:gd name="connsiteX0" fmla="*/ 158850 w 715073"/>
                  <a:gd name="connsiteY0" fmla="*/ 1063666 h 1063666"/>
                  <a:gd name="connsiteX1" fmla="*/ 0 w 715073"/>
                  <a:gd name="connsiteY1" fmla="*/ 0 h 1063666"/>
                  <a:gd name="connsiteX2" fmla="*/ 715073 w 715073"/>
                  <a:gd name="connsiteY2" fmla="*/ 884983 h 1063666"/>
                  <a:gd name="connsiteX3" fmla="*/ 158850 w 715073"/>
                  <a:gd name="connsiteY3" fmla="*/ 1063666 h 1063666"/>
                  <a:gd name="connsiteX0" fmla="*/ 105544 w 715073"/>
                  <a:gd name="connsiteY0" fmla="*/ 1133373 h 1133373"/>
                  <a:gd name="connsiteX1" fmla="*/ 0 w 715073"/>
                  <a:gd name="connsiteY1" fmla="*/ 0 h 1133373"/>
                  <a:gd name="connsiteX2" fmla="*/ 715073 w 715073"/>
                  <a:gd name="connsiteY2" fmla="*/ 884983 h 1133373"/>
                  <a:gd name="connsiteX3" fmla="*/ 105544 w 715073"/>
                  <a:gd name="connsiteY3" fmla="*/ 1133373 h 1133373"/>
                  <a:gd name="connsiteX0" fmla="*/ 105544 w 600260"/>
                  <a:gd name="connsiteY0" fmla="*/ 1133373 h 1133373"/>
                  <a:gd name="connsiteX1" fmla="*/ 0 w 600260"/>
                  <a:gd name="connsiteY1" fmla="*/ 0 h 1133373"/>
                  <a:gd name="connsiteX2" fmla="*/ 600260 w 600260"/>
                  <a:gd name="connsiteY2" fmla="*/ 831677 h 1133373"/>
                  <a:gd name="connsiteX3" fmla="*/ 105544 w 600260"/>
                  <a:gd name="connsiteY3" fmla="*/ 1133373 h 1133373"/>
                  <a:gd name="connsiteX0" fmla="*/ 105544 w 706872"/>
                  <a:gd name="connsiteY0" fmla="*/ 1133373 h 1133373"/>
                  <a:gd name="connsiteX1" fmla="*/ 0 w 706872"/>
                  <a:gd name="connsiteY1" fmla="*/ 0 h 1133373"/>
                  <a:gd name="connsiteX2" fmla="*/ 706872 w 706872"/>
                  <a:gd name="connsiteY2" fmla="*/ 876782 h 1133373"/>
                  <a:gd name="connsiteX3" fmla="*/ 105544 w 706872"/>
                  <a:gd name="connsiteY3" fmla="*/ 1133373 h 1133373"/>
                  <a:gd name="connsiteX0" fmla="*/ 52238 w 653566"/>
                  <a:gd name="connsiteY0" fmla="*/ 1133373 h 1133373"/>
                  <a:gd name="connsiteX1" fmla="*/ 0 w 653566"/>
                  <a:gd name="connsiteY1" fmla="*/ 0 h 1133373"/>
                  <a:gd name="connsiteX2" fmla="*/ 653566 w 653566"/>
                  <a:gd name="connsiteY2" fmla="*/ 876782 h 1133373"/>
                  <a:gd name="connsiteX3" fmla="*/ 52238 w 653566"/>
                  <a:gd name="connsiteY3" fmla="*/ 1133373 h 1133373"/>
                  <a:gd name="connsiteX0" fmla="*/ 85042 w 686370"/>
                  <a:gd name="connsiteY0" fmla="*/ 1116971 h 1116971"/>
                  <a:gd name="connsiteX1" fmla="*/ 0 w 686370"/>
                  <a:gd name="connsiteY1" fmla="*/ 0 h 1116971"/>
                  <a:gd name="connsiteX2" fmla="*/ 686370 w 686370"/>
                  <a:gd name="connsiteY2" fmla="*/ 860380 h 1116971"/>
                  <a:gd name="connsiteX3" fmla="*/ 85042 w 686370"/>
                  <a:gd name="connsiteY3" fmla="*/ 1116971 h 1116971"/>
                  <a:gd name="connsiteX0" fmla="*/ 89143 w 690471"/>
                  <a:gd name="connsiteY0" fmla="*/ 1129272 h 1129272"/>
                  <a:gd name="connsiteX1" fmla="*/ 0 w 690471"/>
                  <a:gd name="connsiteY1" fmla="*/ 0 h 1129272"/>
                  <a:gd name="connsiteX2" fmla="*/ 690471 w 690471"/>
                  <a:gd name="connsiteY2" fmla="*/ 872681 h 1129272"/>
                  <a:gd name="connsiteX3" fmla="*/ 89143 w 690471"/>
                  <a:gd name="connsiteY3" fmla="*/ 1129272 h 1129272"/>
                  <a:gd name="connsiteX0" fmla="*/ 0 w 732543"/>
                  <a:gd name="connsiteY0" fmla="*/ 760232 h 872681"/>
                  <a:gd name="connsiteX1" fmla="*/ 42072 w 732543"/>
                  <a:gd name="connsiteY1" fmla="*/ 0 h 872681"/>
                  <a:gd name="connsiteX2" fmla="*/ 732543 w 732543"/>
                  <a:gd name="connsiteY2" fmla="*/ 872681 h 872681"/>
                  <a:gd name="connsiteX3" fmla="*/ 0 w 732543"/>
                  <a:gd name="connsiteY3" fmla="*/ 760232 h 872681"/>
                  <a:gd name="connsiteX0" fmla="*/ 0 w 375804"/>
                  <a:gd name="connsiteY0" fmla="*/ 760232 h 760232"/>
                  <a:gd name="connsiteX1" fmla="*/ 42072 w 375804"/>
                  <a:gd name="connsiteY1" fmla="*/ 0 h 760232"/>
                  <a:gd name="connsiteX2" fmla="*/ 375804 w 375804"/>
                  <a:gd name="connsiteY2" fmla="*/ 556947 h 760232"/>
                  <a:gd name="connsiteX3" fmla="*/ 0 w 375804"/>
                  <a:gd name="connsiteY3" fmla="*/ 760232 h 760232"/>
                  <a:gd name="connsiteX0" fmla="*/ 0 w 728443"/>
                  <a:gd name="connsiteY0" fmla="*/ 760232 h 864481"/>
                  <a:gd name="connsiteX1" fmla="*/ 42072 w 728443"/>
                  <a:gd name="connsiteY1" fmla="*/ 0 h 864481"/>
                  <a:gd name="connsiteX2" fmla="*/ 728443 w 728443"/>
                  <a:gd name="connsiteY2" fmla="*/ 864481 h 864481"/>
                  <a:gd name="connsiteX3" fmla="*/ 0 w 728443"/>
                  <a:gd name="connsiteY3" fmla="*/ 760232 h 864481"/>
                  <a:gd name="connsiteX0" fmla="*/ 0 w 738874"/>
                  <a:gd name="connsiteY0" fmla="*/ 756755 h 864481"/>
                  <a:gd name="connsiteX1" fmla="*/ 52503 w 738874"/>
                  <a:gd name="connsiteY1" fmla="*/ 0 h 864481"/>
                  <a:gd name="connsiteX2" fmla="*/ 738874 w 738874"/>
                  <a:gd name="connsiteY2" fmla="*/ 864481 h 864481"/>
                  <a:gd name="connsiteX3" fmla="*/ 0 w 738874"/>
                  <a:gd name="connsiteY3" fmla="*/ 756755 h 864481"/>
                  <a:gd name="connsiteX0" fmla="*/ 0 w 745828"/>
                  <a:gd name="connsiteY0" fmla="*/ 756755 h 871434"/>
                  <a:gd name="connsiteX1" fmla="*/ 52503 w 745828"/>
                  <a:gd name="connsiteY1" fmla="*/ 0 h 871434"/>
                  <a:gd name="connsiteX2" fmla="*/ 745828 w 745828"/>
                  <a:gd name="connsiteY2" fmla="*/ 871434 h 871434"/>
                  <a:gd name="connsiteX3" fmla="*/ 0 w 745828"/>
                  <a:gd name="connsiteY3" fmla="*/ 756755 h 871434"/>
                  <a:gd name="connsiteX0" fmla="*/ 0 w 745828"/>
                  <a:gd name="connsiteY0" fmla="*/ 760232 h 874911"/>
                  <a:gd name="connsiteX1" fmla="*/ 45550 w 745828"/>
                  <a:gd name="connsiteY1" fmla="*/ 0 h 874911"/>
                  <a:gd name="connsiteX2" fmla="*/ 745828 w 745828"/>
                  <a:gd name="connsiteY2" fmla="*/ 874911 h 874911"/>
                  <a:gd name="connsiteX3" fmla="*/ 0 w 745828"/>
                  <a:gd name="connsiteY3" fmla="*/ 760232 h 87491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45828" h="874911">
                    <a:moveTo>
                      <a:pt x="0" y="760232"/>
                    </a:moveTo>
                    <a:lnTo>
                      <a:pt x="45550" y="0"/>
                    </a:lnTo>
                    <a:lnTo>
                      <a:pt x="745828" y="874911"/>
                    </a:lnTo>
                    <a:lnTo>
                      <a:pt x="0" y="760232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  <p:grpSp>
          <p:nvGrpSpPr>
            <p:cNvPr id="8" name="Group 7"/>
            <p:cNvGrpSpPr/>
            <p:nvPr userDrawn="1"/>
          </p:nvGrpSpPr>
          <p:grpSpPr>
            <a:xfrm>
              <a:off x="1885034" y="80362"/>
              <a:ext cx="1371507" cy="1154429"/>
              <a:chOff x="2842851" y="900676"/>
              <a:chExt cx="1387956" cy="1168275"/>
            </a:xfrm>
            <a:grpFill/>
          </p:grpSpPr>
          <p:sp>
            <p:nvSpPr>
              <p:cNvPr id="15" name="Isosceles Triangle 4"/>
              <p:cNvSpPr/>
              <p:nvPr userDrawn="1"/>
            </p:nvSpPr>
            <p:spPr>
              <a:xfrm>
                <a:off x="3510339" y="900676"/>
                <a:ext cx="720468" cy="1168275"/>
              </a:xfrm>
              <a:custGeom>
                <a:avLst/>
                <a:gdLst>
                  <a:gd name="connsiteX0" fmla="*/ 0 w 2232248"/>
                  <a:gd name="connsiteY0" fmla="*/ 2952328 h 2952328"/>
                  <a:gd name="connsiteX1" fmla="*/ 1116124 w 2232248"/>
                  <a:gd name="connsiteY1" fmla="*/ 0 h 2952328"/>
                  <a:gd name="connsiteX2" fmla="*/ 2232248 w 2232248"/>
                  <a:gd name="connsiteY2" fmla="*/ 2952328 h 2952328"/>
                  <a:gd name="connsiteX3" fmla="*/ 0 w 2232248"/>
                  <a:gd name="connsiteY3" fmla="*/ 2952328 h 2952328"/>
                  <a:gd name="connsiteX0" fmla="*/ 0 w 2232248"/>
                  <a:gd name="connsiteY0" fmla="*/ 3002894 h 3002894"/>
                  <a:gd name="connsiteX1" fmla="*/ 1406878 w 2232248"/>
                  <a:gd name="connsiteY1" fmla="*/ 0 h 3002894"/>
                  <a:gd name="connsiteX2" fmla="*/ 2232248 w 2232248"/>
                  <a:gd name="connsiteY2" fmla="*/ 3002894 h 3002894"/>
                  <a:gd name="connsiteX3" fmla="*/ 0 w 2232248"/>
                  <a:gd name="connsiteY3" fmla="*/ 3002894 h 3002894"/>
                  <a:gd name="connsiteX0" fmla="*/ 0 w 2560926"/>
                  <a:gd name="connsiteY0" fmla="*/ 2556229 h 3002894"/>
                  <a:gd name="connsiteX1" fmla="*/ 1735556 w 2560926"/>
                  <a:gd name="connsiteY1" fmla="*/ 0 h 3002894"/>
                  <a:gd name="connsiteX2" fmla="*/ 2560926 w 2560926"/>
                  <a:gd name="connsiteY2" fmla="*/ 3002894 h 3002894"/>
                  <a:gd name="connsiteX3" fmla="*/ 0 w 2560926"/>
                  <a:gd name="connsiteY3" fmla="*/ 2556229 h 3002894"/>
                  <a:gd name="connsiteX0" fmla="*/ 0 w 1966777"/>
                  <a:gd name="connsiteY0" fmla="*/ 2556229 h 3230441"/>
                  <a:gd name="connsiteX1" fmla="*/ 1735556 w 1966777"/>
                  <a:gd name="connsiteY1" fmla="*/ 0 h 3230441"/>
                  <a:gd name="connsiteX2" fmla="*/ 1966777 w 1966777"/>
                  <a:gd name="connsiteY2" fmla="*/ 3230441 h 3230441"/>
                  <a:gd name="connsiteX3" fmla="*/ 0 w 1966777"/>
                  <a:gd name="connsiteY3" fmla="*/ 2556229 h 3230441"/>
                  <a:gd name="connsiteX0" fmla="*/ 0 w 892460"/>
                  <a:gd name="connsiteY0" fmla="*/ 985757 h 3230441"/>
                  <a:gd name="connsiteX1" fmla="*/ 661239 w 892460"/>
                  <a:gd name="connsiteY1" fmla="*/ 0 h 3230441"/>
                  <a:gd name="connsiteX2" fmla="*/ 892460 w 892460"/>
                  <a:gd name="connsiteY2" fmla="*/ 3230441 h 3230441"/>
                  <a:gd name="connsiteX3" fmla="*/ 0 w 892460"/>
                  <a:gd name="connsiteY3" fmla="*/ 985757 h 3230441"/>
                  <a:gd name="connsiteX0" fmla="*/ 0 w 753044"/>
                  <a:gd name="connsiteY0" fmla="*/ 985757 h 1159714"/>
                  <a:gd name="connsiteX1" fmla="*/ 661239 w 753044"/>
                  <a:gd name="connsiteY1" fmla="*/ 0 h 1159714"/>
                  <a:gd name="connsiteX2" fmla="*/ 753044 w 753044"/>
                  <a:gd name="connsiteY2" fmla="*/ 1159714 h 1159714"/>
                  <a:gd name="connsiteX3" fmla="*/ 0 w 753044"/>
                  <a:gd name="connsiteY3" fmla="*/ 985757 h 1159714"/>
                  <a:gd name="connsiteX0" fmla="*/ 0 w 1384513"/>
                  <a:gd name="connsiteY0" fmla="*/ 985757 h 985757"/>
                  <a:gd name="connsiteX1" fmla="*/ 661239 w 1384513"/>
                  <a:gd name="connsiteY1" fmla="*/ 0 h 985757"/>
                  <a:gd name="connsiteX2" fmla="*/ 1384513 w 1384513"/>
                  <a:gd name="connsiteY2" fmla="*/ 889084 h 985757"/>
                  <a:gd name="connsiteX3" fmla="*/ 0 w 1384513"/>
                  <a:gd name="connsiteY3" fmla="*/ 985757 h 985757"/>
                  <a:gd name="connsiteX0" fmla="*/ 89143 w 723274"/>
                  <a:gd name="connsiteY0" fmla="*/ 1157976 h 1157976"/>
                  <a:gd name="connsiteX1" fmla="*/ 0 w 723274"/>
                  <a:gd name="connsiteY1" fmla="*/ 0 h 1157976"/>
                  <a:gd name="connsiteX2" fmla="*/ 723274 w 723274"/>
                  <a:gd name="connsiteY2" fmla="*/ 889084 h 1157976"/>
                  <a:gd name="connsiteX3" fmla="*/ 89143 w 723274"/>
                  <a:gd name="connsiteY3" fmla="*/ 1157976 h 1157976"/>
                  <a:gd name="connsiteX0" fmla="*/ 89143 w 715073"/>
                  <a:gd name="connsiteY0" fmla="*/ 1157976 h 1157976"/>
                  <a:gd name="connsiteX1" fmla="*/ 0 w 715073"/>
                  <a:gd name="connsiteY1" fmla="*/ 0 h 1157976"/>
                  <a:gd name="connsiteX2" fmla="*/ 715073 w 715073"/>
                  <a:gd name="connsiteY2" fmla="*/ 884983 h 1157976"/>
                  <a:gd name="connsiteX3" fmla="*/ 89143 w 715073"/>
                  <a:gd name="connsiteY3" fmla="*/ 1157976 h 1157976"/>
                  <a:gd name="connsiteX0" fmla="*/ 89143 w 715073"/>
                  <a:gd name="connsiteY0" fmla="*/ 1137474 h 1137474"/>
                  <a:gd name="connsiteX1" fmla="*/ 0 w 715073"/>
                  <a:gd name="connsiteY1" fmla="*/ 0 h 1137474"/>
                  <a:gd name="connsiteX2" fmla="*/ 715073 w 715073"/>
                  <a:gd name="connsiteY2" fmla="*/ 884983 h 1137474"/>
                  <a:gd name="connsiteX3" fmla="*/ 89143 w 715073"/>
                  <a:gd name="connsiteY3" fmla="*/ 1137474 h 1137474"/>
                  <a:gd name="connsiteX0" fmla="*/ 158850 w 715073"/>
                  <a:gd name="connsiteY0" fmla="*/ 1063666 h 1063666"/>
                  <a:gd name="connsiteX1" fmla="*/ 0 w 715073"/>
                  <a:gd name="connsiteY1" fmla="*/ 0 h 1063666"/>
                  <a:gd name="connsiteX2" fmla="*/ 715073 w 715073"/>
                  <a:gd name="connsiteY2" fmla="*/ 884983 h 1063666"/>
                  <a:gd name="connsiteX3" fmla="*/ 158850 w 715073"/>
                  <a:gd name="connsiteY3" fmla="*/ 1063666 h 1063666"/>
                  <a:gd name="connsiteX0" fmla="*/ 105544 w 715073"/>
                  <a:gd name="connsiteY0" fmla="*/ 1133373 h 1133373"/>
                  <a:gd name="connsiteX1" fmla="*/ 0 w 715073"/>
                  <a:gd name="connsiteY1" fmla="*/ 0 h 1133373"/>
                  <a:gd name="connsiteX2" fmla="*/ 715073 w 715073"/>
                  <a:gd name="connsiteY2" fmla="*/ 884983 h 1133373"/>
                  <a:gd name="connsiteX3" fmla="*/ 105544 w 715073"/>
                  <a:gd name="connsiteY3" fmla="*/ 1133373 h 1133373"/>
                  <a:gd name="connsiteX0" fmla="*/ 105544 w 600260"/>
                  <a:gd name="connsiteY0" fmla="*/ 1133373 h 1133373"/>
                  <a:gd name="connsiteX1" fmla="*/ 0 w 600260"/>
                  <a:gd name="connsiteY1" fmla="*/ 0 h 1133373"/>
                  <a:gd name="connsiteX2" fmla="*/ 600260 w 600260"/>
                  <a:gd name="connsiteY2" fmla="*/ 831677 h 1133373"/>
                  <a:gd name="connsiteX3" fmla="*/ 105544 w 600260"/>
                  <a:gd name="connsiteY3" fmla="*/ 1133373 h 1133373"/>
                  <a:gd name="connsiteX0" fmla="*/ 105544 w 706872"/>
                  <a:gd name="connsiteY0" fmla="*/ 1133373 h 1133373"/>
                  <a:gd name="connsiteX1" fmla="*/ 0 w 706872"/>
                  <a:gd name="connsiteY1" fmla="*/ 0 h 1133373"/>
                  <a:gd name="connsiteX2" fmla="*/ 706872 w 706872"/>
                  <a:gd name="connsiteY2" fmla="*/ 876782 h 1133373"/>
                  <a:gd name="connsiteX3" fmla="*/ 105544 w 706872"/>
                  <a:gd name="connsiteY3" fmla="*/ 1133373 h 1133373"/>
                  <a:gd name="connsiteX0" fmla="*/ 52238 w 653566"/>
                  <a:gd name="connsiteY0" fmla="*/ 1133373 h 1133373"/>
                  <a:gd name="connsiteX1" fmla="*/ 0 w 653566"/>
                  <a:gd name="connsiteY1" fmla="*/ 0 h 1133373"/>
                  <a:gd name="connsiteX2" fmla="*/ 653566 w 653566"/>
                  <a:gd name="connsiteY2" fmla="*/ 876782 h 1133373"/>
                  <a:gd name="connsiteX3" fmla="*/ 52238 w 653566"/>
                  <a:gd name="connsiteY3" fmla="*/ 1133373 h 1133373"/>
                  <a:gd name="connsiteX0" fmla="*/ 85042 w 686370"/>
                  <a:gd name="connsiteY0" fmla="*/ 1116971 h 1116971"/>
                  <a:gd name="connsiteX1" fmla="*/ 0 w 686370"/>
                  <a:gd name="connsiteY1" fmla="*/ 0 h 1116971"/>
                  <a:gd name="connsiteX2" fmla="*/ 686370 w 686370"/>
                  <a:gd name="connsiteY2" fmla="*/ 860380 h 1116971"/>
                  <a:gd name="connsiteX3" fmla="*/ 85042 w 686370"/>
                  <a:gd name="connsiteY3" fmla="*/ 1116971 h 1116971"/>
                  <a:gd name="connsiteX0" fmla="*/ 89143 w 690471"/>
                  <a:gd name="connsiteY0" fmla="*/ 1129272 h 1129272"/>
                  <a:gd name="connsiteX1" fmla="*/ 0 w 690471"/>
                  <a:gd name="connsiteY1" fmla="*/ 0 h 1129272"/>
                  <a:gd name="connsiteX2" fmla="*/ 690471 w 690471"/>
                  <a:gd name="connsiteY2" fmla="*/ 872681 h 1129272"/>
                  <a:gd name="connsiteX3" fmla="*/ 89143 w 690471"/>
                  <a:gd name="connsiteY3" fmla="*/ 1129272 h 1129272"/>
                  <a:gd name="connsiteX0" fmla="*/ 102144 w 703472"/>
                  <a:gd name="connsiteY0" fmla="*/ 1146607 h 1146607"/>
                  <a:gd name="connsiteX1" fmla="*/ 0 w 703472"/>
                  <a:gd name="connsiteY1" fmla="*/ 0 h 1146607"/>
                  <a:gd name="connsiteX2" fmla="*/ 703472 w 703472"/>
                  <a:gd name="connsiteY2" fmla="*/ 890016 h 1146607"/>
                  <a:gd name="connsiteX3" fmla="*/ 102144 w 703472"/>
                  <a:gd name="connsiteY3" fmla="*/ 1146607 h 1146607"/>
                  <a:gd name="connsiteX0" fmla="*/ 93477 w 703472"/>
                  <a:gd name="connsiteY0" fmla="*/ 1168275 h 1168275"/>
                  <a:gd name="connsiteX1" fmla="*/ 0 w 703472"/>
                  <a:gd name="connsiteY1" fmla="*/ 0 h 1168275"/>
                  <a:gd name="connsiteX2" fmla="*/ 703472 w 703472"/>
                  <a:gd name="connsiteY2" fmla="*/ 890016 h 1168275"/>
                  <a:gd name="connsiteX3" fmla="*/ 93477 w 703472"/>
                  <a:gd name="connsiteY3" fmla="*/ 1168275 h 1168275"/>
                  <a:gd name="connsiteX0" fmla="*/ 93477 w 703472"/>
                  <a:gd name="connsiteY0" fmla="*/ 1168275 h 1168275"/>
                  <a:gd name="connsiteX1" fmla="*/ 0 w 703472"/>
                  <a:gd name="connsiteY1" fmla="*/ 0 h 1168275"/>
                  <a:gd name="connsiteX2" fmla="*/ 703472 w 703472"/>
                  <a:gd name="connsiteY2" fmla="*/ 903017 h 1168275"/>
                  <a:gd name="connsiteX3" fmla="*/ 93477 w 703472"/>
                  <a:gd name="connsiteY3" fmla="*/ 1168275 h 1168275"/>
                  <a:gd name="connsiteX0" fmla="*/ 93477 w 703472"/>
                  <a:gd name="connsiteY0" fmla="*/ 1168275 h 1168275"/>
                  <a:gd name="connsiteX1" fmla="*/ 0 w 703472"/>
                  <a:gd name="connsiteY1" fmla="*/ 0 h 1168275"/>
                  <a:gd name="connsiteX2" fmla="*/ 703472 w 703472"/>
                  <a:gd name="connsiteY2" fmla="*/ 890016 h 1168275"/>
                  <a:gd name="connsiteX3" fmla="*/ 93477 w 703472"/>
                  <a:gd name="connsiteY3" fmla="*/ 1168275 h 1168275"/>
                  <a:gd name="connsiteX0" fmla="*/ 93477 w 720468"/>
                  <a:gd name="connsiteY0" fmla="*/ 1168275 h 1168275"/>
                  <a:gd name="connsiteX1" fmla="*/ 0 w 720468"/>
                  <a:gd name="connsiteY1" fmla="*/ 0 h 1168275"/>
                  <a:gd name="connsiteX2" fmla="*/ 720468 w 720468"/>
                  <a:gd name="connsiteY2" fmla="*/ 896815 h 1168275"/>
                  <a:gd name="connsiteX3" fmla="*/ 93477 w 720468"/>
                  <a:gd name="connsiteY3" fmla="*/ 1168275 h 11682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20468" h="1168275">
                    <a:moveTo>
                      <a:pt x="93477" y="1168275"/>
                    </a:moveTo>
                    <a:lnTo>
                      <a:pt x="0" y="0"/>
                    </a:lnTo>
                    <a:lnTo>
                      <a:pt x="720468" y="896815"/>
                    </a:lnTo>
                    <a:lnTo>
                      <a:pt x="93477" y="1168275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  <p:sp>
            <p:nvSpPr>
              <p:cNvPr id="16" name="Isosceles Triangle 4"/>
              <p:cNvSpPr/>
              <p:nvPr userDrawn="1"/>
            </p:nvSpPr>
            <p:spPr>
              <a:xfrm>
                <a:off x="2842851" y="908944"/>
                <a:ext cx="755893" cy="1159714"/>
              </a:xfrm>
              <a:custGeom>
                <a:avLst/>
                <a:gdLst>
                  <a:gd name="connsiteX0" fmla="*/ 0 w 2232248"/>
                  <a:gd name="connsiteY0" fmla="*/ 2952328 h 2952328"/>
                  <a:gd name="connsiteX1" fmla="*/ 1116124 w 2232248"/>
                  <a:gd name="connsiteY1" fmla="*/ 0 h 2952328"/>
                  <a:gd name="connsiteX2" fmla="*/ 2232248 w 2232248"/>
                  <a:gd name="connsiteY2" fmla="*/ 2952328 h 2952328"/>
                  <a:gd name="connsiteX3" fmla="*/ 0 w 2232248"/>
                  <a:gd name="connsiteY3" fmla="*/ 2952328 h 2952328"/>
                  <a:gd name="connsiteX0" fmla="*/ 0 w 2232248"/>
                  <a:gd name="connsiteY0" fmla="*/ 3002894 h 3002894"/>
                  <a:gd name="connsiteX1" fmla="*/ 1406878 w 2232248"/>
                  <a:gd name="connsiteY1" fmla="*/ 0 h 3002894"/>
                  <a:gd name="connsiteX2" fmla="*/ 2232248 w 2232248"/>
                  <a:gd name="connsiteY2" fmla="*/ 3002894 h 3002894"/>
                  <a:gd name="connsiteX3" fmla="*/ 0 w 2232248"/>
                  <a:gd name="connsiteY3" fmla="*/ 3002894 h 3002894"/>
                  <a:gd name="connsiteX0" fmla="*/ 0 w 2560926"/>
                  <a:gd name="connsiteY0" fmla="*/ 2556229 h 3002894"/>
                  <a:gd name="connsiteX1" fmla="*/ 1735556 w 2560926"/>
                  <a:gd name="connsiteY1" fmla="*/ 0 h 3002894"/>
                  <a:gd name="connsiteX2" fmla="*/ 2560926 w 2560926"/>
                  <a:gd name="connsiteY2" fmla="*/ 3002894 h 3002894"/>
                  <a:gd name="connsiteX3" fmla="*/ 0 w 2560926"/>
                  <a:gd name="connsiteY3" fmla="*/ 2556229 h 3002894"/>
                  <a:gd name="connsiteX0" fmla="*/ 0 w 1966777"/>
                  <a:gd name="connsiteY0" fmla="*/ 2556229 h 3230441"/>
                  <a:gd name="connsiteX1" fmla="*/ 1735556 w 1966777"/>
                  <a:gd name="connsiteY1" fmla="*/ 0 h 3230441"/>
                  <a:gd name="connsiteX2" fmla="*/ 1966777 w 1966777"/>
                  <a:gd name="connsiteY2" fmla="*/ 3230441 h 3230441"/>
                  <a:gd name="connsiteX3" fmla="*/ 0 w 1966777"/>
                  <a:gd name="connsiteY3" fmla="*/ 2556229 h 3230441"/>
                  <a:gd name="connsiteX0" fmla="*/ 0 w 892460"/>
                  <a:gd name="connsiteY0" fmla="*/ 985757 h 3230441"/>
                  <a:gd name="connsiteX1" fmla="*/ 661239 w 892460"/>
                  <a:gd name="connsiteY1" fmla="*/ 0 h 3230441"/>
                  <a:gd name="connsiteX2" fmla="*/ 892460 w 892460"/>
                  <a:gd name="connsiteY2" fmla="*/ 3230441 h 3230441"/>
                  <a:gd name="connsiteX3" fmla="*/ 0 w 892460"/>
                  <a:gd name="connsiteY3" fmla="*/ 985757 h 3230441"/>
                  <a:gd name="connsiteX0" fmla="*/ 0 w 753044"/>
                  <a:gd name="connsiteY0" fmla="*/ 985757 h 1159714"/>
                  <a:gd name="connsiteX1" fmla="*/ 661239 w 753044"/>
                  <a:gd name="connsiteY1" fmla="*/ 0 h 1159714"/>
                  <a:gd name="connsiteX2" fmla="*/ 753044 w 753044"/>
                  <a:gd name="connsiteY2" fmla="*/ 1159714 h 1159714"/>
                  <a:gd name="connsiteX3" fmla="*/ 0 w 753044"/>
                  <a:gd name="connsiteY3" fmla="*/ 985757 h 1159714"/>
                  <a:gd name="connsiteX0" fmla="*/ 0 w 755893"/>
                  <a:gd name="connsiteY0" fmla="*/ 985757 h 1159714"/>
                  <a:gd name="connsiteX1" fmla="*/ 664088 w 755893"/>
                  <a:gd name="connsiteY1" fmla="*/ 0 h 1159714"/>
                  <a:gd name="connsiteX2" fmla="*/ 755893 w 755893"/>
                  <a:gd name="connsiteY2" fmla="*/ 1159714 h 1159714"/>
                  <a:gd name="connsiteX3" fmla="*/ 0 w 755893"/>
                  <a:gd name="connsiteY3" fmla="*/ 985757 h 115971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55893" h="1159714">
                    <a:moveTo>
                      <a:pt x="0" y="985757"/>
                    </a:moveTo>
                    <a:lnTo>
                      <a:pt x="664088" y="0"/>
                    </a:lnTo>
                    <a:lnTo>
                      <a:pt x="755893" y="1159714"/>
                    </a:lnTo>
                    <a:lnTo>
                      <a:pt x="0" y="985757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</p:grpSp>
      <p:sp>
        <p:nvSpPr>
          <p:cNvPr id="27" name="Picture Placeholder 6"/>
          <p:cNvSpPr>
            <a:spLocks noGrp="1" noChangeAspect="1"/>
          </p:cNvSpPr>
          <p:nvPr userDrawn="1">
            <p:ph type="pic" sz="quarter" idx="142" hasCustomPrompt="1"/>
          </p:nvPr>
        </p:nvSpPr>
        <p:spPr>
          <a:xfrm rot="930503">
            <a:off x="2212848" y="1914542"/>
            <a:ext cx="365760" cy="329184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sp>
        <p:nvSpPr>
          <p:cNvPr id="39" name="Picture Placeholder 6"/>
          <p:cNvSpPr>
            <a:spLocks noGrp="1" noChangeAspect="1"/>
          </p:cNvSpPr>
          <p:nvPr userDrawn="1">
            <p:ph type="pic" sz="quarter" idx="175" hasCustomPrompt="1"/>
          </p:nvPr>
        </p:nvSpPr>
        <p:spPr>
          <a:xfrm rot="19730387">
            <a:off x="2670048" y="1914542"/>
            <a:ext cx="365760" cy="329184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983366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000"/>
                            </p:stCondLst>
                            <p:childTnLst>
                              <p:par>
                                <p:cTn id="29" presetID="47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4" presetID="47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9" presetID="47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4750"/>
                            </p:stCondLst>
                            <p:childTnLst>
                              <p:par>
                                <p:cTn id="45" presetID="47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0" presetID="47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5" presetID="47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5500"/>
                            </p:stCondLst>
                            <p:childTnLst>
                              <p:par>
                                <p:cTn id="61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6000"/>
                            </p:stCondLst>
                            <p:childTnLst>
                              <p:par>
                                <p:cTn id="6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6500"/>
                            </p:stCondLst>
                            <p:childTnLst>
                              <p:par>
                                <p:cTn id="6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1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7000"/>
                            </p:stCondLst>
                            <p:childTnLst>
                              <p:par>
                                <p:cTn id="7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5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7500"/>
                            </p:stCondLst>
                            <p:childTnLst>
                              <p:par>
                                <p:cTn id="7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8000"/>
                            </p:stCondLst>
                            <p:childTnLst>
                              <p:par>
                                <p:cTn id="8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8500"/>
                            </p:stCondLst>
                            <p:childTnLst>
                              <p:par>
                                <p:cTn id="8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2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/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/>
      <p:bldP spid="36" grpId="0"/>
      <p:bldP spid="37" grpId="0"/>
      <p:bldP spid="27" grpId="0"/>
      <p:bldP spid="39" grpId="0"/>
    </p:bldLst>
  </p:timing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8" name="Group 27"/>
          <p:cNvGrpSpPr/>
          <p:nvPr userDrawn="1"/>
        </p:nvGrpSpPr>
        <p:grpSpPr>
          <a:xfrm>
            <a:off x="3285585" y="1861081"/>
            <a:ext cx="2736306" cy="2571586"/>
            <a:chOff x="3155701" y="1346819"/>
            <a:chExt cx="2736306" cy="2571586"/>
          </a:xfrm>
        </p:grpSpPr>
        <p:sp>
          <p:nvSpPr>
            <p:cNvPr id="29" name="Parallelogram 2"/>
            <p:cNvSpPr/>
            <p:nvPr userDrawn="1"/>
          </p:nvSpPr>
          <p:spPr>
            <a:xfrm>
              <a:off x="3155701" y="1346819"/>
              <a:ext cx="1844227" cy="1423200"/>
            </a:xfrm>
            <a:custGeom>
              <a:avLst/>
              <a:gdLst>
                <a:gd name="connsiteX0" fmla="*/ 0 w 2106954"/>
                <a:gd name="connsiteY0" fmla="*/ 1584176 h 1584176"/>
                <a:gd name="connsiteX1" fmla="*/ 375941 w 2106954"/>
                <a:gd name="connsiteY1" fmla="*/ 0 h 1584176"/>
                <a:gd name="connsiteX2" fmla="*/ 2106954 w 2106954"/>
                <a:gd name="connsiteY2" fmla="*/ 0 h 1584176"/>
                <a:gd name="connsiteX3" fmla="*/ 1731013 w 2106954"/>
                <a:gd name="connsiteY3" fmla="*/ 1584176 h 1584176"/>
                <a:gd name="connsiteX4" fmla="*/ 0 w 2106954"/>
                <a:gd name="connsiteY4" fmla="*/ 1584176 h 1584176"/>
                <a:gd name="connsiteX0" fmla="*/ 0 w 2117003"/>
                <a:gd name="connsiteY0" fmla="*/ 1765047 h 1765047"/>
                <a:gd name="connsiteX1" fmla="*/ 375941 w 2117003"/>
                <a:gd name="connsiteY1" fmla="*/ 18087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98801 w 2117003"/>
                <a:gd name="connsiteY1" fmla="*/ 15420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83561 w 2117003"/>
                <a:gd name="connsiteY1" fmla="*/ 15039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280833"/>
                <a:gd name="connsiteY0" fmla="*/ 1738377 h 1765047"/>
                <a:gd name="connsiteX1" fmla="*/ 547391 w 2280833"/>
                <a:gd name="connsiteY1" fmla="*/ 150391 h 1765047"/>
                <a:gd name="connsiteX2" fmla="*/ 2280833 w 2280833"/>
                <a:gd name="connsiteY2" fmla="*/ 0 h 1765047"/>
                <a:gd name="connsiteX3" fmla="*/ 1894843 w 2280833"/>
                <a:gd name="connsiteY3" fmla="*/ 1765047 h 1765047"/>
                <a:gd name="connsiteX4" fmla="*/ 0 w 2280833"/>
                <a:gd name="connsiteY4" fmla="*/ 1738377 h 176504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62433 w 2280833"/>
                <a:gd name="connsiteY3" fmla="*/ 115925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4333 w 2280833"/>
                <a:gd name="connsiteY3" fmla="*/ 146786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420060 w 2280833"/>
                <a:gd name="connsiteY1" fmla="*/ 192834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  <a:gd name="connsiteX0" fmla="*/ 0 w 2057041"/>
                <a:gd name="connsiteY0" fmla="*/ 1576321 h 1576321"/>
                <a:gd name="connsiteX1" fmla="*/ 420060 w 2057041"/>
                <a:gd name="connsiteY1" fmla="*/ 30778 h 1576321"/>
                <a:gd name="connsiteX2" fmla="*/ 2057041 w 2057041"/>
                <a:gd name="connsiteY2" fmla="*/ 0 h 1576321"/>
                <a:gd name="connsiteX3" fmla="*/ 1620523 w 2057041"/>
                <a:gd name="connsiteY3" fmla="*/ 1317241 h 1576321"/>
                <a:gd name="connsiteX4" fmla="*/ 0 w 2057041"/>
                <a:gd name="connsiteY4" fmla="*/ 1576321 h 1576321"/>
                <a:gd name="connsiteX0" fmla="*/ 0 w 2028048"/>
                <a:gd name="connsiteY0" fmla="*/ 1576321 h 1576321"/>
                <a:gd name="connsiteX1" fmla="*/ 420060 w 2028048"/>
                <a:gd name="connsiteY1" fmla="*/ 30778 h 1576321"/>
                <a:gd name="connsiteX2" fmla="*/ 2028048 w 2028048"/>
                <a:gd name="connsiteY2" fmla="*/ 0 h 1576321"/>
                <a:gd name="connsiteX3" fmla="*/ 1620523 w 2028048"/>
                <a:gd name="connsiteY3" fmla="*/ 1317241 h 1576321"/>
                <a:gd name="connsiteX4" fmla="*/ 0 w 2028048"/>
                <a:gd name="connsiteY4" fmla="*/ 1576321 h 1576321"/>
                <a:gd name="connsiteX0" fmla="*/ 0 w 2049793"/>
                <a:gd name="connsiteY0" fmla="*/ 1576321 h 1576321"/>
                <a:gd name="connsiteX1" fmla="*/ 420060 w 2049793"/>
                <a:gd name="connsiteY1" fmla="*/ 30778 h 1576321"/>
                <a:gd name="connsiteX2" fmla="*/ 2049793 w 2049793"/>
                <a:gd name="connsiteY2" fmla="*/ 0 h 1576321"/>
                <a:gd name="connsiteX3" fmla="*/ 1620523 w 2049793"/>
                <a:gd name="connsiteY3" fmla="*/ 1317241 h 1576321"/>
                <a:gd name="connsiteX4" fmla="*/ 0 w 2049793"/>
                <a:gd name="connsiteY4" fmla="*/ 1576321 h 1576321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620523 w 2046680"/>
                <a:gd name="connsiteY3" fmla="*/ 1320354 h 1579434"/>
                <a:gd name="connsiteX4" fmla="*/ 0 w 2046680"/>
                <a:gd name="connsiteY4" fmla="*/ 1579434 h 1579434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667216 w 2046680"/>
                <a:gd name="connsiteY3" fmla="*/ 1177164 h 1579434"/>
                <a:gd name="connsiteX4" fmla="*/ 0 w 2046680"/>
                <a:gd name="connsiteY4" fmla="*/ 1579434 h 1579434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541677 w 2046680"/>
                <a:gd name="connsiteY3" fmla="*/ 1344551 h 1579434"/>
                <a:gd name="connsiteX4" fmla="*/ 0 w 2046680"/>
                <a:gd name="connsiteY4" fmla="*/ 1579434 h 1579434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552139 w 2046680"/>
                <a:gd name="connsiteY3" fmla="*/ 1386397 h 1579434"/>
                <a:gd name="connsiteX4" fmla="*/ 0 w 2046680"/>
                <a:gd name="connsiteY4" fmla="*/ 1579434 h 1579434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549026 w 2046680"/>
                <a:gd name="connsiteY3" fmla="*/ 1395736 h 1579434"/>
                <a:gd name="connsiteX4" fmla="*/ 0 w 2046680"/>
                <a:gd name="connsiteY4" fmla="*/ 1579434 h 15794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046680" h="1579434">
                  <a:moveTo>
                    <a:pt x="0" y="1579434"/>
                  </a:moveTo>
                  <a:lnTo>
                    <a:pt x="420060" y="33891"/>
                  </a:lnTo>
                  <a:lnTo>
                    <a:pt x="2046680" y="0"/>
                  </a:lnTo>
                  <a:lnTo>
                    <a:pt x="1549026" y="1395736"/>
                  </a:lnTo>
                  <a:lnTo>
                    <a:pt x="0" y="1579434"/>
                  </a:lnTo>
                  <a:close/>
                </a:path>
              </a:pathLst>
            </a:custGeom>
            <a:solidFill>
              <a:srgbClr val="73BCB1"/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3" name="Parallelogram 2"/>
            <p:cNvSpPr/>
            <p:nvPr userDrawn="1"/>
          </p:nvSpPr>
          <p:spPr>
            <a:xfrm>
              <a:off x="3529823" y="1347614"/>
              <a:ext cx="2360173" cy="1134665"/>
            </a:xfrm>
            <a:custGeom>
              <a:avLst/>
              <a:gdLst>
                <a:gd name="connsiteX0" fmla="*/ 0 w 2106954"/>
                <a:gd name="connsiteY0" fmla="*/ 1584176 h 1584176"/>
                <a:gd name="connsiteX1" fmla="*/ 375941 w 2106954"/>
                <a:gd name="connsiteY1" fmla="*/ 0 h 1584176"/>
                <a:gd name="connsiteX2" fmla="*/ 2106954 w 2106954"/>
                <a:gd name="connsiteY2" fmla="*/ 0 h 1584176"/>
                <a:gd name="connsiteX3" fmla="*/ 1731013 w 2106954"/>
                <a:gd name="connsiteY3" fmla="*/ 1584176 h 1584176"/>
                <a:gd name="connsiteX4" fmla="*/ 0 w 2106954"/>
                <a:gd name="connsiteY4" fmla="*/ 1584176 h 1584176"/>
                <a:gd name="connsiteX0" fmla="*/ 0 w 2117003"/>
                <a:gd name="connsiteY0" fmla="*/ 1765047 h 1765047"/>
                <a:gd name="connsiteX1" fmla="*/ 375941 w 2117003"/>
                <a:gd name="connsiteY1" fmla="*/ 18087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98801 w 2117003"/>
                <a:gd name="connsiteY1" fmla="*/ 15420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83561 w 2117003"/>
                <a:gd name="connsiteY1" fmla="*/ 15039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280833"/>
                <a:gd name="connsiteY0" fmla="*/ 1738377 h 1765047"/>
                <a:gd name="connsiteX1" fmla="*/ 547391 w 2280833"/>
                <a:gd name="connsiteY1" fmla="*/ 150391 h 1765047"/>
                <a:gd name="connsiteX2" fmla="*/ 2280833 w 2280833"/>
                <a:gd name="connsiteY2" fmla="*/ 0 h 1765047"/>
                <a:gd name="connsiteX3" fmla="*/ 1894843 w 2280833"/>
                <a:gd name="connsiteY3" fmla="*/ 1765047 h 1765047"/>
                <a:gd name="connsiteX4" fmla="*/ 0 w 2280833"/>
                <a:gd name="connsiteY4" fmla="*/ 1738377 h 176504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62433 w 2280833"/>
                <a:gd name="connsiteY3" fmla="*/ 115925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4333 w 2280833"/>
                <a:gd name="connsiteY3" fmla="*/ 146786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  <a:gd name="connsiteX0" fmla="*/ 351769 w 2632602"/>
                <a:gd name="connsiteY0" fmla="*/ 1738377 h 1738377"/>
                <a:gd name="connsiteX1" fmla="*/ 0 w 2632602"/>
                <a:gd name="connsiteY1" fmla="*/ 474241 h 1738377"/>
                <a:gd name="connsiteX2" fmla="*/ 2632602 w 2632602"/>
                <a:gd name="connsiteY2" fmla="*/ 0 h 1738377"/>
                <a:gd name="connsiteX3" fmla="*/ 1972292 w 2632602"/>
                <a:gd name="connsiteY3" fmla="*/ 1479297 h 1738377"/>
                <a:gd name="connsiteX4" fmla="*/ 351769 w 2632602"/>
                <a:gd name="connsiteY4" fmla="*/ 1738377 h 1738377"/>
                <a:gd name="connsiteX0" fmla="*/ 881359 w 2632602"/>
                <a:gd name="connsiteY0" fmla="*/ 1700277 h 1700277"/>
                <a:gd name="connsiteX1" fmla="*/ 0 w 2632602"/>
                <a:gd name="connsiteY1" fmla="*/ 474241 h 1700277"/>
                <a:gd name="connsiteX2" fmla="*/ 2632602 w 2632602"/>
                <a:gd name="connsiteY2" fmla="*/ 0 h 1700277"/>
                <a:gd name="connsiteX3" fmla="*/ 1972292 w 2632602"/>
                <a:gd name="connsiteY3" fmla="*/ 1479297 h 1700277"/>
                <a:gd name="connsiteX4" fmla="*/ 881359 w 2632602"/>
                <a:gd name="connsiteY4" fmla="*/ 1700277 h 1700277"/>
                <a:gd name="connsiteX0" fmla="*/ 881359 w 2632602"/>
                <a:gd name="connsiteY0" fmla="*/ 1700277 h 1700277"/>
                <a:gd name="connsiteX1" fmla="*/ 0 w 2632602"/>
                <a:gd name="connsiteY1" fmla="*/ 474241 h 1700277"/>
                <a:gd name="connsiteX2" fmla="*/ 2632602 w 2632602"/>
                <a:gd name="connsiteY2" fmla="*/ 0 h 1700277"/>
                <a:gd name="connsiteX3" fmla="*/ 2604752 w 2632602"/>
                <a:gd name="connsiteY3" fmla="*/ 1547877 h 1700277"/>
                <a:gd name="connsiteX4" fmla="*/ 881359 w 2632602"/>
                <a:gd name="connsiteY4" fmla="*/ 1700277 h 1700277"/>
                <a:gd name="connsiteX0" fmla="*/ 881359 w 2604752"/>
                <a:gd name="connsiteY0" fmla="*/ 1300227 h 1300227"/>
                <a:gd name="connsiteX1" fmla="*/ 0 w 2604752"/>
                <a:gd name="connsiteY1" fmla="*/ 74191 h 1300227"/>
                <a:gd name="connsiteX2" fmla="*/ 1318152 w 2604752"/>
                <a:gd name="connsiteY2" fmla="*/ 0 h 1300227"/>
                <a:gd name="connsiteX3" fmla="*/ 2604752 w 2604752"/>
                <a:gd name="connsiteY3" fmla="*/ 1147827 h 1300227"/>
                <a:gd name="connsiteX4" fmla="*/ 881359 w 2604752"/>
                <a:gd name="connsiteY4" fmla="*/ 1300227 h 1300227"/>
                <a:gd name="connsiteX0" fmla="*/ 881359 w 2604752"/>
                <a:gd name="connsiteY0" fmla="*/ 1226036 h 1226036"/>
                <a:gd name="connsiteX1" fmla="*/ 0 w 2604752"/>
                <a:gd name="connsiteY1" fmla="*/ 0 h 1226036"/>
                <a:gd name="connsiteX2" fmla="*/ 1455312 w 2604752"/>
                <a:gd name="connsiteY2" fmla="*/ 108689 h 1226036"/>
                <a:gd name="connsiteX3" fmla="*/ 2604752 w 2604752"/>
                <a:gd name="connsiteY3" fmla="*/ 1073636 h 1226036"/>
                <a:gd name="connsiteX4" fmla="*/ 881359 w 2604752"/>
                <a:gd name="connsiteY4" fmla="*/ 1226036 h 1226036"/>
                <a:gd name="connsiteX0" fmla="*/ 881359 w 2604752"/>
                <a:gd name="connsiteY0" fmla="*/ 1262127 h 1262127"/>
                <a:gd name="connsiteX1" fmla="*/ 0 w 2604752"/>
                <a:gd name="connsiteY1" fmla="*/ 36091 h 1262127"/>
                <a:gd name="connsiteX2" fmla="*/ 1626762 w 2604752"/>
                <a:gd name="connsiteY2" fmla="*/ 0 h 1262127"/>
                <a:gd name="connsiteX3" fmla="*/ 2604752 w 2604752"/>
                <a:gd name="connsiteY3" fmla="*/ 1109727 h 1262127"/>
                <a:gd name="connsiteX4" fmla="*/ 881359 w 2604752"/>
                <a:gd name="connsiteY4" fmla="*/ 1262127 h 1262127"/>
                <a:gd name="connsiteX0" fmla="*/ 881359 w 2610557"/>
                <a:gd name="connsiteY0" fmla="*/ 1262127 h 1262127"/>
                <a:gd name="connsiteX1" fmla="*/ 0 w 2610557"/>
                <a:gd name="connsiteY1" fmla="*/ 36091 h 1262127"/>
                <a:gd name="connsiteX2" fmla="*/ 1626762 w 2610557"/>
                <a:gd name="connsiteY2" fmla="*/ 0 h 1262127"/>
                <a:gd name="connsiteX3" fmla="*/ 2610557 w 2610557"/>
                <a:gd name="connsiteY3" fmla="*/ 1109727 h 1262127"/>
                <a:gd name="connsiteX4" fmla="*/ 881359 w 2610557"/>
                <a:gd name="connsiteY4" fmla="*/ 1262127 h 1262127"/>
                <a:gd name="connsiteX0" fmla="*/ 878456 w 2610557"/>
                <a:gd name="connsiteY0" fmla="*/ 1256321 h 1256321"/>
                <a:gd name="connsiteX1" fmla="*/ 0 w 2610557"/>
                <a:gd name="connsiteY1" fmla="*/ 36091 h 1256321"/>
                <a:gd name="connsiteX2" fmla="*/ 1626762 w 2610557"/>
                <a:gd name="connsiteY2" fmla="*/ 0 h 1256321"/>
                <a:gd name="connsiteX3" fmla="*/ 2610557 w 2610557"/>
                <a:gd name="connsiteY3" fmla="*/ 1109727 h 1256321"/>
                <a:gd name="connsiteX4" fmla="*/ 878456 w 2610557"/>
                <a:gd name="connsiteY4" fmla="*/ 1256321 h 1256321"/>
                <a:gd name="connsiteX0" fmla="*/ 881359 w 2610557"/>
                <a:gd name="connsiteY0" fmla="*/ 1259224 h 1259224"/>
                <a:gd name="connsiteX1" fmla="*/ 0 w 2610557"/>
                <a:gd name="connsiteY1" fmla="*/ 36091 h 1259224"/>
                <a:gd name="connsiteX2" fmla="*/ 1626762 w 2610557"/>
                <a:gd name="connsiteY2" fmla="*/ 0 h 1259224"/>
                <a:gd name="connsiteX3" fmla="*/ 2610557 w 2610557"/>
                <a:gd name="connsiteY3" fmla="*/ 1109727 h 1259224"/>
                <a:gd name="connsiteX4" fmla="*/ 881359 w 2610557"/>
                <a:gd name="connsiteY4" fmla="*/ 1259224 h 1259224"/>
                <a:gd name="connsiteX0" fmla="*/ 890068 w 2619266"/>
                <a:gd name="connsiteY0" fmla="*/ 1259224 h 1259224"/>
                <a:gd name="connsiteX1" fmla="*/ 0 w 2619266"/>
                <a:gd name="connsiteY1" fmla="*/ 30285 h 1259224"/>
                <a:gd name="connsiteX2" fmla="*/ 1635471 w 2619266"/>
                <a:gd name="connsiteY2" fmla="*/ 0 h 1259224"/>
                <a:gd name="connsiteX3" fmla="*/ 2619266 w 2619266"/>
                <a:gd name="connsiteY3" fmla="*/ 1109727 h 1259224"/>
                <a:gd name="connsiteX4" fmla="*/ 890068 w 2619266"/>
                <a:gd name="connsiteY4" fmla="*/ 1259224 h 12592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619266" h="1259224">
                  <a:moveTo>
                    <a:pt x="890068" y="1259224"/>
                  </a:moveTo>
                  <a:lnTo>
                    <a:pt x="0" y="30285"/>
                  </a:lnTo>
                  <a:lnTo>
                    <a:pt x="1635471" y="0"/>
                  </a:lnTo>
                  <a:lnTo>
                    <a:pt x="2619266" y="1109727"/>
                  </a:lnTo>
                  <a:lnTo>
                    <a:pt x="890068" y="1259224"/>
                  </a:lnTo>
                  <a:close/>
                </a:path>
              </a:pathLst>
            </a:custGeom>
            <a:solidFill>
              <a:srgbClr val="73BCB1">
                <a:alpha val="80000"/>
              </a:srgbClr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0" name="Parallelogram 24"/>
            <p:cNvSpPr/>
            <p:nvPr userDrawn="1"/>
          </p:nvSpPr>
          <p:spPr>
            <a:xfrm rot="21060000" flipH="1">
              <a:off x="3240558" y="2607523"/>
              <a:ext cx="1975051" cy="1238058"/>
            </a:xfrm>
            <a:custGeom>
              <a:avLst/>
              <a:gdLst>
                <a:gd name="connsiteX0" fmla="*/ 0 w 1995352"/>
                <a:gd name="connsiteY0" fmla="*/ 1234800 h 1234800"/>
                <a:gd name="connsiteX1" fmla="*/ 308700 w 1995352"/>
                <a:gd name="connsiteY1" fmla="*/ 0 h 1234800"/>
                <a:gd name="connsiteX2" fmla="*/ 1995352 w 1995352"/>
                <a:gd name="connsiteY2" fmla="*/ 0 h 1234800"/>
                <a:gd name="connsiteX3" fmla="*/ 1686652 w 1995352"/>
                <a:gd name="connsiteY3" fmla="*/ 1234800 h 1234800"/>
                <a:gd name="connsiteX4" fmla="*/ 0 w 1995352"/>
                <a:gd name="connsiteY4" fmla="*/ 1234800 h 1234800"/>
                <a:gd name="connsiteX0" fmla="*/ 0 w 1995352"/>
                <a:gd name="connsiteY0" fmla="*/ 1234800 h 1234800"/>
                <a:gd name="connsiteX1" fmla="*/ 308700 w 1995352"/>
                <a:gd name="connsiteY1" fmla="*/ 0 h 1234800"/>
                <a:gd name="connsiteX2" fmla="*/ 1995352 w 1995352"/>
                <a:gd name="connsiteY2" fmla="*/ 0 h 1234800"/>
                <a:gd name="connsiteX3" fmla="*/ 1450560 w 1995352"/>
                <a:gd name="connsiteY3" fmla="*/ 1098790 h 1234800"/>
                <a:gd name="connsiteX4" fmla="*/ 0 w 1995352"/>
                <a:gd name="connsiteY4" fmla="*/ 1234800 h 1234800"/>
                <a:gd name="connsiteX0" fmla="*/ 0 w 1995352"/>
                <a:gd name="connsiteY0" fmla="*/ 1234800 h 1238058"/>
                <a:gd name="connsiteX1" fmla="*/ 308700 w 1995352"/>
                <a:gd name="connsiteY1" fmla="*/ 0 h 1238058"/>
                <a:gd name="connsiteX2" fmla="*/ 1995352 w 1995352"/>
                <a:gd name="connsiteY2" fmla="*/ 0 h 1238058"/>
                <a:gd name="connsiteX3" fmla="*/ 1499070 w 1995352"/>
                <a:gd name="connsiteY3" fmla="*/ 1238058 h 1238058"/>
                <a:gd name="connsiteX4" fmla="*/ 0 w 1995352"/>
                <a:gd name="connsiteY4" fmla="*/ 1234800 h 1238058"/>
                <a:gd name="connsiteX0" fmla="*/ 0 w 1995352"/>
                <a:gd name="connsiteY0" fmla="*/ 1234800 h 1238058"/>
                <a:gd name="connsiteX1" fmla="*/ 508658 w 1995352"/>
                <a:gd name="connsiteY1" fmla="*/ 658 h 1238058"/>
                <a:gd name="connsiteX2" fmla="*/ 1995352 w 1995352"/>
                <a:gd name="connsiteY2" fmla="*/ 0 h 1238058"/>
                <a:gd name="connsiteX3" fmla="*/ 1499070 w 1995352"/>
                <a:gd name="connsiteY3" fmla="*/ 1238058 h 1238058"/>
                <a:gd name="connsiteX4" fmla="*/ 0 w 1995352"/>
                <a:gd name="connsiteY4" fmla="*/ 1234800 h 1238058"/>
                <a:gd name="connsiteX0" fmla="*/ 0 w 1971960"/>
                <a:gd name="connsiteY0" fmla="*/ 1234034 h 1238058"/>
                <a:gd name="connsiteX1" fmla="*/ 485266 w 1971960"/>
                <a:gd name="connsiteY1" fmla="*/ 658 h 1238058"/>
                <a:gd name="connsiteX2" fmla="*/ 1971960 w 1971960"/>
                <a:gd name="connsiteY2" fmla="*/ 0 h 1238058"/>
                <a:gd name="connsiteX3" fmla="*/ 1475678 w 1971960"/>
                <a:gd name="connsiteY3" fmla="*/ 1238058 h 1238058"/>
                <a:gd name="connsiteX4" fmla="*/ 0 w 1971960"/>
                <a:gd name="connsiteY4" fmla="*/ 1234034 h 1238058"/>
                <a:gd name="connsiteX0" fmla="*/ 0 w 1978148"/>
                <a:gd name="connsiteY0" fmla="*/ 1232074 h 1238058"/>
                <a:gd name="connsiteX1" fmla="*/ 491454 w 1978148"/>
                <a:gd name="connsiteY1" fmla="*/ 658 h 1238058"/>
                <a:gd name="connsiteX2" fmla="*/ 1978148 w 1978148"/>
                <a:gd name="connsiteY2" fmla="*/ 0 h 1238058"/>
                <a:gd name="connsiteX3" fmla="*/ 1481866 w 1978148"/>
                <a:gd name="connsiteY3" fmla="*/ 1238058 h 1238058"/>
                <a:gd name="connsiteX4" fmla="*/ 0 w 1978148"/>
                <a:gd name="connsiteY4" fmla="*/ 1232074 h 1238058"/>
                <a:gd name="connsiteX0" fmla="*/ 0 w 1980396"/>
                <a:gd name="connsiteY0" fmla="*/ 1235169 h 1238058"/>
                <a:gd name="connsiteX1" fmla="*/ 493702 w 1980396"/>
                <a:gd name="connsiteY1" fmla="*/ 658 h 1238058"/>
                <a:gd name="connsiteX2" fmla="*/ 1980396 w 1980396"/>
                <a:gd name="connsiteY2" fmla="*/ 0 h 1238058"/>
                <a:gd name="connsiteX3" fmla="*/ 1484114 w 1980396"/>
                <a:gd name="connsiteY3" fmla="*/ 1238058 h 1238058"/>
                <a:gd name="connsiteX4" fmla="*/ 0 w 1980396"/>
                <a:gd name="connsiteY4" fmla="*/ 1235169 h 1238058"/>
                <a:gd name="connsiteX0" fmla="*/ 0 w 1975051"/>
                <a:gd name="connsiteY0" fmla="*/ 1234323 h 1238058"/>
                <a:gd name="connsiteX1" fmla="*/ 488357 w 1975051"/>
                <a:gd name="connsiteY1" fmla="*/ 658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960 h 1238695"/>
                <a:gd name="connsiteX1" fmla="*/ 548411 w 1975051"/>
                <a:gd name="connsiteY1" fmla="*/ 0 h 1238695"/>
                <a:gd name="connsiteX2" fmla="*/ 1975051 w 1975051"/>
                <a:gd name="connsiteY2" fmla="*/ 637 h 1238695"/>
                <a:gd name="connsiteX3" fmla="*/ 1478769 w 1975051"/>
                <a:gd name="connsiteY3" fmla="*/ 1238695 h 1238695"/>
                <a:gd name="connsiteX4" fmla="*/ 0 w 1975051"/>
                <a:gd name="connsiteY4" fmla="*/ 1234960 h 1238695"/>
                <a:gd name="connsiteX0" fmla="*/ 0 w 1975051"/>
                <a:gd name="connsiteY0" fmla="*/ 1234323 h 1238058"/>
                <a:gd name="connsiteX1" fmla="*/ 512935 w 1975051"/>
                <a:gd name="connsiteY1" fmla="*/ 96544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5453 h 1239188"/>
                <a:gd name="connsiteX1" fmla="*/ 487292 w 1975051"/>
                <a:gd name="connsiteY1" fmla="*/ 0 h 1239188"/>
                <a:gd name="connsiteX2" fmla="*/ 1975051 w 1975051"/>
                <a:gd name="connsiteY2" fmla="*/ 1130 h 1239188"/>
                <a:gd name="connsiteX3" fmla="*/ 1478769 w 1975051"/>
                <a:gd name="connsiteY3" fmla="*/ 1239188 h 1239188"/>
                <a:gd name="connsiteX4" fmla="*/ 0 w 1975051"/>
                <a:gd name="connsiteY4" fmla="*/ 1235453 h 1239188"/>
                <a:gd name="connsiteX0" fmla="*/ 0 w 1975051"/>
                <a:gd name="connsiteY0" fmla="*/ 1234323 h 1238058"/>
                <a:gd name="connsiteX1" fmla="*/ 589681 w 1975051"/>
                <a:gd name="connsiteY1" fmla="*/ 2999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323 h 1238058"/>
                <a:gd name="connsiteX1" fmla="*/ 571797 w 1975051"/>
                <a:gd name="connsiteY1" fmla="*/ 10604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323 h 1238058"/>
                <a:gd name="connsiteX1" fmla="*/ 559074 w 1975051"/>
                <a:gd name="connsiteY1" fmla="*/ 50796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323 h 1238058"/>
                <a:gd name="connsiteX1" fmla="*/ 578432 w 1975051"/>
                <a:gd name="connsiteY1" fmla="*/ 52502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323 h 1238058"/>
                <a:gd name="connsiteX1" fmla="*/ 569871 w 1975051"/>
                <a:gd name="connsiteY1" fmla="*/ 53858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975051" h="1238058">
                  <a:moveTo>
                    <a:pt x="0" y="1234323"/>
                  </a:moveTo>
                  <a:lnTo>
                    <a:pt x="569871" y="53858"/>
                  </a:lnTo>
                  <a:lnTo>
                    <a:pt x="1975051" y="0"/>
                  </a:lnTo>
                  <a:lnTo>
                    <a:pt x="1478769" y="1238058"/>
                  </a:lnTo>
                  <a:lnTo>
                    <a:pt x="0" y="1234323"/>
                  </a:lnTo>
                  <a:close/>
                </a:path>
              </a:pathLst>
            </a:custGeom>
            <a:solidFill>
              <a:srgbClr val="605850"/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2" name="Parallelogram 2"/>
            <p:cNvSpPr/>
            <p:nvPr userDrawn="1"/>
          </p:nvSpPr>
          <p:spPr>
            <a:xfrm>
              <a:off x="3155703" y="1376565"/>
              <a:ext cx="1175991" cy="2541840"/>
            </a:xfrm>
            <a:custGeom>
              <a:avLst/>
              <a:gdLst>
                <a:gd name="connsiteX0" fmla="*/ 0 w 2106954"/>
                <a:gd name="connsiteY0" fmla="*/ 1584176 h 1584176"/>
                <a:gd name="connsiteX1" fmla="*/ 375941 w 2106954"/>
                <a:gd name="connsiteY1" fmla="*/ 0 h 1584176"/>
                <a:gd name="connsiteX2" fmla="*/ 2106954 w 2106954"/>
                <a:gd name="connsiteY2" fmla="*/ 0 h 1584176"/>
                <a:gd name="connsiteX3" fmla="*/ 1731013 w 2106954"/>
                <a:gd name="connsiteY3" fmla="*/ 1584176 h 1584176"/>
                <a:gd name="connsiteX4" fmla="*/ 0 w 2106954"/>
                <a:gd name="connsiteY4" fmla="*/ 1584176 h 1584176"/>
                <a:gd name="connsiteX0" fmla="*/ 0 w 2117003"/>
                <a:gd name="connsiteY0" fmla="*/ 1765047 h 1765047"/>
                <a:gd name="connsiteX1" fmla="*/ 375941 w 2117003"/>
                <a:gd name="connsiteY1" fmla="*/ 18087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98801 w 2117003"/>
                <a:gd name="connsiteY1" fmla="*/ 15420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83561 w 2117003"/>
                <a:gd name="connsiteY1" fmla="*/ 15039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280833"/>
                <a:gd name="connsiteY0" fmla="*/ 1738377 h 1765047"/>
                <a:gd name="connsiteX1" fmla="*/ 547391 w 2280833"/>
                <a:gd name="connsiteY1" fmla="*/ 150391 h 1765047"/>
                <a:gd name="connsiteX2" fmla="*/ 2280833 w 2280833"/>
                <a:gd name="connsiteY2" fmla="*/ 0 h 1765047"/>
                <a:gd name="connsiteX3" fmla="*/ 1894843 w 2280833"/>
                <a:gd name="connsiteY3" fmla="*/ 1765047 h 1765047"/>
                <a:gd name="connsiteX4" fmla="*/ 0 w 2280833"/>
                <a:gd name="connsiteY4" fmla="*/ 1738377 h 176504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62433 w 2280833"/>
                <a:gd name="connsiteY3" fmla="*/ 115925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4333 w 2280833"/>
                <a:gd name="connsiteY3" fmla="*/ 146786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  <a:gd name="connsiteX0" fmla="*/ 351769 w 2632602"/>
                <a:gd name="connsiteY0" fmla="*/ 1738377 h 1738377"/>
                <a:gd name="connsiteX1" fmla="*/ 0 w 2632602"/>
                <a:gd name="connsiteY1" fmla="*/ 474241 h 1738377"/>
                <a:gd name="connsiteX2" fmla="*/ 2632602 w 2632602"/>
                <a:gd name="connsiteY2" fmla="*/ 0 h 1738377"/>
                <a:gd name="connsiteX3" fmla="*/ 1972292 w 2632602"/>
                <a:gd name="connsiteY3" fmla="*/ 1479297 h 1738377"/>
                <a:gd name="connsiteX4" fmla="*/ 351769 w 2632602"/>
                <a:gd name="connsiteY4" fmla="*/ 1738377 h 1738377"/>
                <a:gd name="connsiteX0" fmla="*/ 881359 w 2632602"/>
                <a:gd name="connsiteY0" fmla="*/ 1700277 h 1700277"/>
                <a:gd name="connsiteX1" fmla="*/ 0 w 2632602"/>
                <a:gd name="connsiteY1" fmla="*/ 474241 h 1700277"/>
                <a:gd name="connsiteX2" fmla="*/ 2632602 w 2632602"/>
                <a:gd name="connsiteY2" fmla="*/ 0 h 1700277"/>
                <a:gd name="connsiteX3" fmla="*/ 1972292 w 2632602"/>
                <a:gd name="connsiteY3" fmla="*/ 1479297 h 1700277"/>
                <a:gd name="connsiteX4" fmla="*/ 881359 w 2632602"/>
                <a:gd name="connsiteY4" fmla="*/ 1700277 h 1700277"/>
                <a:gd name="connsiteX0" fmla="*/ 881359 w 2632602"/>
                <a:gd name="connsiteY0" fmla="*/ 1700277 h 1700277"/>
                <a:gd name="connsiteX1" fmla="*/ 0 w 2632602"/>
                <a:gd name="connsiteY1" fmla="*/ 474241 h 1700277"/>
                <a:gd name="connsiteX2" fmla="*/ 2632602 w 2632602"/>
                <a:gd name="connsiteY2" fmla="*/ 0 h 1700277"/>
                <a:gd name="connsiteX3" fmla="*/ 2604752 w 2632602"/>
                <a:gd name="connsiteY3" fmla="*/ 1547877 h 1700277"/>
                <a:gd name="connsiteX4" fmla="*/ 881359 w 2632602"/>
                <a:gd name="connsiteY4" fmla="*/ 1700277 h 1700277"/>
                <a:gd name="connsiteX0" fmla="*/ 881359 w 2604752"/>
                <a:gd name="connsiteY0" fmla="*/ 1300227 h 1300227"/>
                <a:gd name="connsiteX1" fmla="*/ 0 w 2604752"/>
                <a:gd name="connsiteY1" fmla="*/ 74191 h 1300227"/>
                <a:gd name="connsiteX2" fmla="*/ 1318152 w 2604752"/>
                <a:gd name="connsiteY2" fmla="*/ 0 h 1300227"/>
                <a:gd name="connsiteX3" fmla="*/ 2604752 w 2604752"/>
                <a:gd name="connsiteY3" fmla="*/ 1147827 h 1300227"/>
                <a:gd name="connsiteX4" fmla="*/ 881359 w 2604752"/>
                <a:gd name="connsiteY4" fmla="*/ 1300227 h 1300227"/>
                <a:gd name="connsiteX0" fmla="*/ 881359 w 2604752"/>
                <a:gd name="connsiteY0" fmla="*/ 1226036 h 1226036"/>
                <a:gd name="connsiteX1" fmla="*/ 0 w 2604752"/>
                <a:gd name="connsiteY1" fmla="*/ 0 h 1226036"/>
                <a:gd name="connsiteX2" fmla="*/ 1455312 w 2604752"/>
                <a:gd name="connsiteY2" fmla="*/ 108689 h 1226036"/>
                <a:gd name="connsiteX3" fmla="*/ 2604752 w 2604752"/>
                <a:gd name="connsiteY3" fmla="*/ 1073636 h 1226036"/>
                <a:gd name="connsiteX4" fmla="*/ 881359 w 2604752"/>
                <a:gd name="connsiteY4" fmla="*/ 1226036 h 1226036"/>
                <a:gd name="connsiteX0" fmla="*/ 881359 w 2604752"/>
                <a:gd name="connsiteY0" fmla="*/ 1262127 h 1262127"/>
                <a:gd name="connsiteX1" fmla="*/ 0 w 2604752"/>
                <a:gd name="connsiteY1" fmla="*/ 36091 h 1262127"/>
                <a:gd name="connsiteX2" fmla="*/ 1626762 w 2604752"/>
                <a:gd name="connsiteY2" fmla="*/ 0 h 1262127"/>
                <a:gd name="connsiteX3" fmla="*/ 2604752 w 2604752"/>
                <a:gd name="connsiteY3" fmla="*/ 1109727 h 1262127"/>
                <a:gd name="connsiteX4" fmla="*/ 881359 w 2604752"/>
                <a:gd name="connsiteY4" fmla="*/ 1262127 h 1262127"/>
                <a:gd name="connsiteX0" fmla="*/ 881359 w 2610557"/>
                <a:gd name="connsiteY0" fmla="*/ 1262127 h 1262127"/>
                <a:gd name="connsiteX1" fmla="*/ 0 w 2610557"/>
                <a:gd name="connsiteY1" fmla="*/ 36091 h 1262127"/>
                <a:gd name="connsiteX2" fmla="*/ 1626762 w 2610557"/>
                <a:gd name="connsiteY2" fmla="*/ 0 h 1262127"/>
                <a:gd name="connsiteX3" fmla="*/ 2610557 w 2610557"/>
                <a:gd name="connsiteY3" fmla="*/ 1109727 h 1262127"/>
                <a:gd name="connsiteX4" fmla="*/ 881359 w 2610557"/>
                <a:gd name="connsiteY4" fmla="*/ 1262127 h 1262127"/>
                <a:gd name="connsiteX0" fmla="*/ 878456 w 2610557"/>
                <a:gd name="connsiteY0" fmla="*/ 1256321 h 1256321"/>
                <a:gd name="connsiteX1" fmla="*/ 0 w 2610557"/>
                <a:gd name="connsiteY1" fmla="*/ 36091 h 1256321"/>
                <a:gd name="connsiteX2" fmla="*/ 1626762 w 2610557"/>
                <a:gd name="connsiteY2" fmla="*/ 0 h 1256321"/>
                <a:gd name="connsiteX3" fmla="*/ 2610557 w 2610557"/>
                <a:gd name="connsiteY3" fmla="*/ 1109727 h 1256321"/>
                <a:gd name="connsiteX4" fmla="*/ 878456 w 2610557"/>
                <a:gd name="connsiteY4" fmla="*/ 1256321 h 1256321"/>
                <a:gd name="connsiteX0" fmla="*/ 881359 w 2610557"/>
                <a:gd name="connsiteY0" fmla="*/ 1259224 h 1259224"/>
                <a:gd name="connsiteX1" fmla="*/ 0 w 2610557"/>
                <a:gd name="connsiteY1" fmla="*/ 36091 h 1259224"/>
                <a:gd name="connsiteX2" fmla="*/ 1626762 w 2610557"/>
                <a:gd name="connsiteY2" fmla="*/ 0 h 1259224"/>
                <a:gd name="connsiteX3" fmla="*/ 2610557 w 2610557"/>
                <a:gd name="connsiteY3" fmla="*/ 1109727 h 1259224"/>
                <a:gd name="connsiteX4" fmla="*/ 881359 w 2610557"/>
                <a:gd name="connsiteY4" fmla="*/ 1259224 h 1259224"/>
                <a:gd name="connsiteX0" fmla="*/ 890068 w 2619266"/>
                <a:gd name="connsiteY0" fmla="*/ 1259224 h 1259224"/>
                <a:gd name="connsiteX1" fmla="*/ 0 w 2619266"/>
                <a:gd name="connsiteY1" fmla="*/ 30285 h 1259224"/>
                <a:gd name="connsiteX2" fmla="*/ 1635471 w 2619266"/>
                <a:gd name="connsiteY2" fmla="*/ 0 h 1259224"/>
                <a:gd name="connsiteX3" fmla="*/ 2619266 w 2619266"/>
                <a:gd name="connsiteY3" fmla="*/ 1109727 h 1259224"/>
                <a:gd name="connsiteX4" fmla="*/ 890068 w 2619266"/>
                <a:gd name="connsiteY4" fmla="*/ 1259224 h 1259224"/>
                <a:gd name="connsiteX0" fmla="*/ 0 w 1729198"/>
                <a:gd name="connsiteY0" fmla="*/ 1652756 h 1652756"/>
                <a:gd name="connsiteX1" fmla="*/ 265270 w 1729198"/>
                <a:gd name="connsiteY1" fmla="*/ 0 h 1652756"/>
                <a:gd name="connsiteX2" fmla="*/ 745403 w 1729198"/>
                <a:gd name="connsiteY2" fmla="*/ 393532 h 1652756"/>
                <a:gd name="connsiteX3" fmla="*/ 1729198 w 1729198"/>
                <a:gd name="connsiteY3" fmla="*/ 1503259 h 1652756"/>
                <a:gd name="connsiteX4" fmla="*/ 0 w 1729198"/>
                <a:gd name="connsiteY4" fmla="*/ 1652756 h 1652756"/>
                <a:gd name="connsiteX0" fmla="*/ 0 w 1877244"/>
                <a:gd name="connsiteY0" fmla="*/ 1548253 h 1548253"/>
                <a:gd name="connsiteX1" fmla="*/ 413316 w 1877244"/>
                <a:gd name="connsiteY1" fmla="*/ 0 h 1548253"/>
                <a:gd name="connsiteX2" fmla="*/ 893449 w 1877244"/>
                <a:gd name="connsiteY2" fmla="*/ 393532 h 1548253"/>
                <a:gd name="connsiteX3" fmla="*/ 1877244 w 1877244"/>
                <a:gd name="connsiteY3" fmla="*/ 1503259 h 1548253"/>
                <a:gd name="connsiteX4" fmla="*/ 0 w 1877244"/>
                <a:gd name="connsiteY4" fmla="*/ 1548253 h 1548253"/>
                <a:gd name="connsiteX0" fmla="*/ 0 w 893449"/>
                <a:gd name="connsiteY0" fmla="*/ 1548253 h 2382825"/>
                <a:gd name="connsiteX1" fmla="*/ 413316 w 893449"/>
                <a:gd name="connsiteY1" fmla="*/ 0 h 2382825"/>
                <a:gd name="connsiteX2" fmla="*/ 893449 w 893449"/>
                <a:gd name="connsiteY2" fmla="*/ 393532 h 2382825"/>
                <a:gd name="connsiteX3" fmla="*/ 666752 w 893449"/>
                <a:gd name="connsiteY3" fmla="*/ 2382825 h 2382825"/>
                <a:gd name="connsiteX4" fmla="*/ 0 w 893449"/>
                <a:gd name="connsiteY4" fmla="*/ 1548253 h 2382825"/>
                <a:gd name="connsiteX0" fmla="*/ 0 w 893449"/>
                <a:gd name="connsiteY0" fmla="*/ 1548253 h 2707945"/>
                <a:gd name="connsiteX1" fmla="*/ 413316 w 893449"/>
                <a:gd name="connsiteY1" fmla="*/ 0 h 2707945"/>
                <a:gd name="connsiteX2" fmla="*/ 893449 w 893449"/>
                <a:gd name="connsiteY2" fmla="*/ 393532 h 2707945"/>
                <a:gd name="connsiteX3" fmla="*/ 707392 w 893449"/>
                <a:gd name="connsiteY3" fmla="*/ 2707945 h 2707945"/>
                <a:gd name="connsiteX4" fmla="*/ 0 w 893449"/>
                <a:gd name="connsiteY4" fmla="*/ 1548253 h 2707945"/>
                <a:gd name="connsiteX0" fmla="*/ 0 w 893449"/>
                <a:gd name="connsiteY0" fmla="*/ 1548253 h 2815351"/>
                <a:gd name="connsiteX1" fmla="*/ 413316 w 893449"/>
                <a:gd name="connsiteY1" fmla="*/ 0 h 2815351"/>
                <a:gd name="connsiteX2" fmla="*/ 893449 w 893449"/>
                <a:gd name="connsiteY2" fmla="*/ 393532 h 2815351"/>
                <a:gd name="connsiteX3" fmla="*/ 750934 w 893449"/>
                <a:gd name="connsiteY3" fmla="*/ 2815351 h 2815351"/>
                <a:gd name="connsiteX4" fmla="*/ 0 w 893449"/>
                <a:gd name="connsiteY4" fmla="*/ 1548253 h 2815351"/>
                <a:gd name="connsiteX0" fmla="*/ 0 w 896351"/>
                <a:gd name="connsiteY0" fmla="*/ 1530836 h 2815351"/>
                <a:gd name="connsiteX1" fmla="*/ 416218 w 896351"/>
                <a:gd name="connsiteY1" fmla="*/ 0 h 2815351"/>
                <a:gd name="connsiteX2" fmla="*/ 896351 w 896351"/>
                <a:gd name="connsiteY2" fmla="*/ 393532 h 2815351"/>
                <a:gd name="connsiteX3" fmla="*/ 753836 w 896351"/>
                <a:gd name="connsiteY3" fmla="*/ 2815351 h 2815351"/>
                <a:gd name="connsiteX4" fmla="*/ 0 w 896351"/>
                <a:gd name="connsiteY4" fmla="*/ 1530836 h 2815351"/>
                <a:gd name="connsiteX0" fmla="*/ 0 w 1299848"/>
                <a:gd name="connsiteY0" fmla="*/ 1530836 h 2815351"/>
                <a:gd name="connsiteX1" fmla="*/ 416218 w 1299848"/>
                <a:gd name="connsiteY1" fmla="*/ 0 h 2815351"/>
                <a:gd name="connsiteX2" fmla="*/ 1299848 w 1299848"/>
                <a:gd name="connsiteY2" fmla="*/ 1220846 h 2815351"/>
                <a:gd name="connsiteX3" fmla="*/ 753836 w 1299848"/>
                <a:gd name="connsiteY3" fmla="*/ 2815351 h 2815351"/>
                <a:gd name="connsiteX4" fmla="*/ 0 w 1299848"/>
                <a:gd name="connsiteY4" fmla="*/ 1530836 h 2815351"/>
                <a:gd name="connsiteX0" fmla="*/ 0 w 1299848"/>
                <a:gd name="connsiteY0" fmla="*/ 1533739 h 2818254"/>
                <a:gd name="connsiteX1" fmla="*/ 410412 w 1299848"/>
                <a:gd name="connsiteY1" fmla="*/ 0 h 2818254"/>
                <a:gd name="connsiteX2" fmla="*/ 1299848 w 1299848"/>
                <a:gd name="connsiteY2" fmla="*/ 1223749 h 2818254"/>
                <a:gd name="connsiteX3" fmla="*/ 753836 w 1299848"/>
                <a:gd name="connsiteY3" fmla="*/ 2818254 h 2818254"/>
                <a:gd name="connsiteX4" fmla="*/ 0 w 1299848"/>
                <a:gd name="connsiteY4" fmla="*/ 1533739 h 2818254"/>
                <a:gd name="connsiteX0" fmla="*/ 0 w 1299848"/>
                <a:gd name="connsiteY0" fmla="*/ 1531119 h 2815634"/>
                <a:gd name="connsiteX1" fmla="*/ 413032 w 1299848"/>
                <a:gd name="connsiteY1" fmla="*/ 0 h 2815634"/>
                <a:gd name="connsiteX2" fmla="*/ 1299848 w 1299848"/>
                <a:gd name="connsiteY2" fmla="*/ 1221129 h 2815634"/>
                <a:gd name="connsiteX3" fmla="*/ 753836 w 1299848"/>
                <a:gd name="connsiteY3" fmla="*/ 2815634 h 2815634"/>
                <a:gd name="connsiteX4" fmla="*/ 0 w 1299848"/>
                <a:gd name="connsiteY4" fmla="*/ 1531119 h 2815634"/>
                <a:gd name="connsiteX0" fmla="*/ 0 w 1302468"/>
                <a:gd name="connsiteY0" fmla="*/ 1531119 h 2815634"/>
                <a:gd name="connsiteX1" fmla="*/ 413032 w 1302468"/>
                <a:gd name="connsiteY1" fmla="*/ 0 h 2815634"/>
                <a:gd name="connsiteX2" fmla="*/ 1302468 w 1302468"/>
                <a:gd name="connsiteY2" fmla="*/ 1226370 h 2815634"/>
                <a:gd name="connsiteX3" fmla="*/ 753836 w 1302468"/>
                <a:gd name="connsiteY3" fmla="*/ 2815634 h 2815634"/>
                <a:gd name="connsiteX4" fmla="*/ 0 w 1302468"/>
                <a:gd name="connsiteY4" fmla="*/ 1531119 h 2815634"/>
                <a:gd name="connsiteX0" fmla="*/ 0 w 1302468"/>
                <a:gd name="connsiteY0" fmla="*/ 1531119 h 2820874"/>
                <a:gd name="connsiteX1" fmla="*/ 413032 w 1302468"/>
                <a:gd name="connsiteY1" fmla="*/ 0 h 2820874"/>
                <a:gd name="connsiteX2" fmla="*/ 1302468 w 1302468"/>
                <a:gd name="connsiteY2" fmla="*/ 1226370 h 2820874"/>
                <a:gd name="connsiteX3" fmla="*/ 751216 w 1302468"/>
                <a:gd name="connsiteY3" fmla="*/ 2820874 h 2820874"/>
                <a:gd name="connsiteX4" fmla="*/ 0 w 1302468"/>
                <a:gd name="connsiteY4" fmla="*/ 1531119 h 2820874"/>
                <a:gd name="connsiteX0" fmla="*/ 0 w 1305088"/>
                <a:gd name="connsiteY0" fmla="*/ 1533739 h 2820874"/>
                <a:gd name="connsiteX1" fmla="*/ 415652 w 1305088"/>
                <a:gd name="connsiteY1" fmla="*/ 0 h 2820874"/>
                <a:gd name="connsiteX2" fmla="*/ 1305088 w 1305088"/>
                <a:gd name="connsiteY2" fmla="*/ 1226370 h 2820874"/>
                <a:gd name="connsiteX3" fmla="*/ 753836 w 1305088"/>
                <a:gd name="connsiteY3" fmla="*/ 2820874 h 2820874"/>
                <a:gd name="connsiteX4" fmla="*/ 0 w 1305088"/>
                <a:gd name="connsiteY4" fmla="*/ 1533739 h 2820874"/>
                <a:gd name="connsiteX0" fmla="*/ 0 w 1305088"/>
                <a:gd name="connsiteY0" fmla="*/ 1542588 h 2820874"/>
                <a:gd name="connsiteX1" fmla="*/ 415652 w 1305088"/>
                <a:gd name="connsiteY1" fmla="*/ 0 h 2820874"/>
                <a:gd name="connsiteX2" fmla="*/ 1305088 w 1305088"/>
                <a:gd name="connsiteY2" fmla="*/ 1226370 h 2820874"/>
                <a:gd name="connsiteX3" fmla="*/ 753836 w 1305088"/>
                <a:gd name="connsiteY3" fmla="*/ 2820874 h 2820874"/>
                <a:gd name="connsiteX4" fmla="*/ 0 w 1305088"/>
                <a:gd name="connsiteY4" fmla="*/ 1542588 h 28208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05088" h="2820874">
                  <a:moveTo>
                    <a:pt x="0" y="1542588"/>
                  </a:moveTo>
                  <a:lnTo>
                    <a:pt x="415652" y="0"/>
                  </a:lnTo>
                  <a:lnTo>
                    <a:pt x="1305088" y="1226370"/>
                  </a:lnTo>
                  <a:lnTo>
                    <a:pt x="753836" y="2820874"/>
                  </a:lnTo>
                  <a:lnTo>
                    <a:pt x="0" y="1542588"/>
                  </a:lnTo>
                  <a:close/>
                </a:path>
              </a:pathLst>
            </a:custGeom>
            <a:solidFill>
              <a:srgbClr val="73BCB1">
                <a:alpha val="80000"/>
              </a:srgbClr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1" name="Parallelogram 2"/>
            <p:cNvSpPr/>
            <p:nvPr userDrawn="1"/>
          </p:nvSpPr>
          <p:spPr>
            <a:xfrm>
              <a:off x="3836789" y="2347067"/>
              <a:ext cx="2055218" cy="1566421"/>
            </a:xfrm>
            <a:custGeom>
              <a:avLst/>
              <a:gdLst>
                <a:gd name="connsiteX0" fmla="*/ 0 w 2106954"/>
                <a:gd name="connsiteY0" fmla="*/ 1584176 h 1584176"/>
                <a:gd name="connsiteX1" fmla="*/ 375941 w 2106954"/>
                <a:gd name="connsiteY1" fmla="*/ 0 h 1584176"/>
                <a:gd name="connsiteX2" fmla="*/ 2106954 w 2106954"/>
                <a:gd name="connsiteY2" fmla="*/ 0 h 1584176"/>
                <a:gd name="connsiteX3" fmla="*/ 1731013 w 2106954"/>
                <a:gd name="connsiteY3" fmla="*/ 1584176 h 1584176"/>
                <a:gd name="connsiteX4" fmla="*/ 0 w 2106954"/>
                <a:gd name="connsiteY4" fmla="*/ 1584176 h 1584176"/>
                <a:gd name="connsiteX0" fmla="*/ 0 w 2117003"/>
                <a:gd name="connsiteY0" fmla="*/ 1765047 h 1765047"/>
                <a:gd name="connsiteX1" fmla="*/ 375941 w 2117003"/>
                <a:gd name="connsiteY1" fmla="*/ 18087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98801 w 2117003"/>
                <a:gd name="connsiteY1" fmla="*/ 15420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83561 w 2117003"/>
                <a:gd name="connsiteY1" fmla="*/ 15039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280833"/>
                <a:gd name="connsiteY0" fmla="*/ 1738377 h 1765047"/>
                <a:gd name="connsiteX1" fmla="*/ 547391 w 2280833"/>
                <a:gd name="connsiteY1" fmla="*/ 150391 h 1765047"/>
                <a:gd name="connsiteX2" fmla="*/ 2280833 w 2280833"/>
                <a:gd name="connsiteY2" fmla="*/ 0 h 1765047"/>
                <a:gd name="connsiteX3" fmla="*/ 1894843 w 2280833"/>
                <a:gd name="connsiteY3" fmla="*/ 1765047 h 1765047"/>
                <a:gd name="connsiteX4" fmla="*/ 0 w 2280833"/>
                <a:gd name="connsiteY4" fmla="*/ 1738377 h 176504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62433 w 2280833"/>
                <a:gd name="connsiteY3" fmla="*/ 115925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4333 w 2280833"/>
                <a:gd name="connsiteY3" fmla="*/ 146786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80833" h="1738377">
                  <a:moveTo>
                    <a:pt x="0" y="1738377"/>
                  </a:moveTo>
                  <a:lnTo>
                    <a:pt x="547391" y="150391"/>
                  </a:lnTo>
                  <a:lnTo>
                    <a:pt x="2280833" y="0"/>
                  </a:lnTo>
                  <a:lnTo>
                    <a:pt x="1620523" y="1479297"/>
                  </a:lnTo>
                  <a:lnTo>
                    <a:pt x="0" y="1738377"/>
                  </a:lnTo>
                  <a:close/>
                </a:path>
              </a:pathLst>
            </a:custGeom>
            <a:solidFill>
              <a:srgbClr val="73BCB1">
                <a:alpha val="80000"/>
              </a:srgbClr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sp>
        <p:nvSpPr>
          <p:cNvPr id="34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81958" y="915566"/>
            <a:ext cx="3755978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83568" y="493776"/>
            <a:ext cx="377354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UBE DIAGRAM</a:t>
            </a:r>
          </a:p>
        </p:txBody>
      </p:sp>
      <p:cxnSp>
        <p:nvCxnSpPr>
          <p:cNvPr id="36" name="Straight Connector 35"/>
          <p:cNvCxnSpPr/>
          <p:nvPr userDrawn="1"/>
        </p:nvCxnSpPr>
        <p:spPr>
          <a:xfrm>
            <a:off x="457200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Picture Placeholder 6"/>
          <p:cNvSpPr>
            <a:spLocks noGrp="1"/>
          </p:cNvSpPr>
          <p:nvPr>
            <p:ph type="pic" sz="quarter" idx="115" hasCustomPrompt="1"/>
          </p:nvPr>
        </p:nvSpPr>
        <p:spPr>
          <a:xfrm>
            <a:off x="7246025" y="1203598"/>
            <a:ext cx="426522" cy="39948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16" hasCustomPrompt="1"/>
          </p:nvPr>
        </p:nvSpPr>
        <p:spPr>
          <a:xfrm>
            <a:off x="7395567" y="3452127"/>
            <a:ext cx="426522" cy="39948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1269361" y="1733403"/>
            <a:ext cx="426522" cy="39948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grpSp>
        <p:nvGrpSpPr>
          <p:cNvPr id="40" name="Group 39"/>
          <p:cNvGrpSpPr/>
          <p:nvPr userDrawn="1"/>
        </p:nvGrpSpPr>
        <p:grpSpPr>
          <a:xfrm>
            <a:off x="5229801" y="1601790"/>
            <a:ext cx="2520424" cy="394185"/>
            <a:chOff x="5364088" y="1889533"/>
            <a:chExt cx="2520424" cy="394185"/>
          </a:xfrm>
        </p:grpSpPr>
        <p:cxnSp>
          <p:nvCxnSpPr>
            <p:cNvPr id="41" name="Straight Arrow Connector 40"/>
            <p:cNvCxnSpPr/>
            <p:nvPr userDrawn="1"/>
          </p:nvCxnSpPr>
          <p:spPr>
            <a:xfrm flipH="1">
              <a:off x="6012160" y="1889533"/>
              <a:ext cx="1872352" cy="0"/>
            </a:xfrm>
            <a:prstGeom prst="straightConnector1">
              <a:avLst/>
            </a:prstGeom>
            <a:ln>
              <a:solidFill>
                <a:srgbClr val="605850"/>
              </a:solidFill>
              <a:prstDash val="dash"/>
              <a:headEnd type="oval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Straight Arrow Connector 41"/>
            <p:cNvCxnSpPr/>
            <p:nvPr userDrawn="1"/>
          </p:nvCxnSpPr>
          <p:spPr>
            <a:xfrm flipH="1">
              <a:off x="5364088" y="1890000"/>
              <a:ext cx="648088" cy="393718"/>
            </a:xfrm>
            <a:prstGeom prst="straightConnector1">
              <a:avLst/>
            </a:prstGeom>
            <a:ln>
              <a:solidFill>
                <a:srgbClr val="605850"/>
              </a:solidFill>
              <a:prstDash val="dash"/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43" name="Straight Arrow Connector 42"/>
          <p:cNvCxnSpPr/>
          <p:nvPr userDrawn="1"/>
        </p:nvCxnSpPr>
        <p:spPr>
          <a:xfrm flipH="1">
            <a:off x="5301809" y="3852776"/>
            <a:ext cx="2582559" cy="0"/>
          </a:xfrm>
          <a:prstGeom prst="straightConnector1">
            <a:avLst/>
          </a:prstGeom>
          <a:ln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Arrow Connector 44"/>
          <p:cNvCxnSpPr/>
          <p:nvPr userDrawn="1"/>
        </p:nvCxnSpPr>
        <p:spPr>
          <a:xfrm>
            <a:off x="1197353" y="2139702"/>
            <a:ext cx="2880320" cy="0"/>
          </a:xfrm>
          <a:prstGeom prst="straightConnector1">
            <a:avLst/>
          </a:prstGeom>
          <a:ln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6" name="Group 45"/>
          <p:cNvGrpSpPr/>
          <p:nvPr userDrawn="1"/>
        </p:nvGrpSpPr>
        <p:grpSpPr>
          <a:xfrm flipH="1" flipV="1">
            <a:off x="1413376" y="3435852"/>
            <a:ext cx="2246331" cy="133443"/>
            <a:chOff x="5667101" y="1889533"/>
            <a:chExt cx="2217411" cy="116657"/>
          </a:xfrm>
        </p:grpSpPr>
        <p:cxnSp>
          <p:nvCxnSpPr>
            <p:cNvPr id="47" name="Straight Arrow Connector 46"/>
            <p:cNvCxnSpPr/>
            <p:nvPr userDrawn="1"/>
          </p:nvCxnSpPr>
          <p:spPr>
            <a:xfrm flipH="1">
              <a:off x="6012160" y="1889533"/>
              <a:ext cx="1872352" cy="0"/>
            </a:xfrm>
            <a:prstGeom prst="straightConnector1">
              <a:avLst/>
            </a:prstGeom>
            <a:ln>
              <a:solidFill>
                <a:srgbClr val="605850"/>
              </a:solidFill>
              <a:prstDash val="dash"/>
              <a:headEnd type="oval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Straight Arrow Connector 47"/>
            <p:cNvCxnSpPr/>
            <p:nvPr userDrawn="1"/>
          </p:nvCxnSpPr>
          <p:spPr>
            <a:xfrm flipH="1">
              <a:off x="5667101" y="1889999"/>
              <a:ext cx="345075" cy="116191"/>
            </a:xfrm>
            <a:prstGeom prst="straightConnector1">
              <a:avLst/>
            </a:prstGeom>
            <a:ln>
              <a:solidFill>
                <a:srgbClr val="605850"/>
              </a:solidFill>
              <a:prstDash val="dash"/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9" name="Picture Placeholder 6"/>
          <p:cNvSpPr>
            <a:spLocks noGrp="1"/>
          </p:cNvSpPr>
          <p:nvPr>
            <p:ph type="pic" sz="quarter" idx="118" hasCustomPrompt="1"/>
          </p:nvPr>
        </p:nvSpPr>
        <p:spPr>
          <a:xfrm>
            <a:off x="1485384" y="3167924"/>
            <a:ext cx="426522" cy="39948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01"/>
          </p:nvPr>
        </p:nvSpPr>
        <p:spPr>
          <a:xfrm>
            <a:off x="5884447" y="1358140"/>
            <a:ext cx="1289570" cy="21519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1" name="Picture Placeholder 6"/>
          <p:cNvSpPr>
            <a:spLocks noGrp="1"/>
          </p:cNvSpPr>
          <p:nvPr>
            <p:ph type="pic" sz="quarter" idx="119" hasCustomPrompt="1"/>
          </p:nvPr>
        </p:nvSpPr>
        <p:spPr>
          <a:xfrm>
            <a:off x="4112227" y="2048256"/>
            <a:ext cx="1428548" cy="731521"/>
          </a:xfrm>
          <a:custGeom>
            <a:avLst/>
            <a:gdLst>
              <a:gd name="connsiteX0" fmla="*/ 0 w 697878"/>
              <a:gd name="connsiteY0" fmla="*/ 0 h 653642"/>
              <a:gd name="connsiteX1" fmla="*/ 697878 w 697878"/>
              <a:gd name="connsiteY1" fmla="*/ 0 h 653642"/>
              <a:gd name="connsiteX2" fmla="*/ 697878 w 697878"/>
              <a:gd name="connsiteY2" fmla="*/ 653642 h 653642"/>
              <a:gd name="connsiteX3" fmla="*/ 0 w 697878"/>
              <a:gd name="connsiteY3" fmla="*/ 653642 h 653642"/>
              <a:gd name="connsiteX4" fmla="*/ 0 w 697878"/>
              <a:gd name="connsiteY4" fmla="*/ 0 h 653642"/>
              <a:gd name="connsiteX0" fmla="*/ 0 w 1501566"/>
              <a:gd name="connsiteY0" fmla="*/ 0 h 858664"/>
              <a:gd name="connsiteX1" fmla="*/ 1501566 w 1501566"/>
              <a:gd name="connsiteY1" fmla="*/ 205022 h 858664"/>
              <a:gd name="connsiteX2" fmla="*/ 1501566 w 1501566"/>
              <a:gd name="connsiteY2" fmla="*/ 858664 h 858664"/>
              <a:gd name="connsiteX3" fmla="*/ 803688 w 1501566"/>
              <a:gd name="connsiteY3" fmla="*/ 858664 h 858664"/>
              <a:gd name="connsiteX4" fmla="*/ 0 w 1501566"/>
              <a:gd name="connsiteY4" fmla="*/ 0 h 858664"/>
              <a:gd name="connsiteX0" fmla="*/ 0 w 1501566"/>
              <a:gd name="connsiteY0" fmla="*/ 24604 h 883268"/>
              <a:gd name="connsiteX1" fmla="*/ 1444160 w 1501566"/>
              <a:gd name="connsiteY1" fmla="*/ 0 h 883268"/>
              <a:gd name="connsiteX2" fmla="*/ 1501566 w 1501566"/>
              <a:gd name="connsiteY2" fmla="*/ 883268 h 883268"/>
              <a:gd name="connsiteX3" fmla="*/ 803688 w 1501566"/>
              <a:gd name="connsiteY3" fmla="*/ 883268 h 883268"/>
              <a:gd name="connsiteX4" fmla="*/ 0 w 1501566"/>
              <a:gd name="connsiteY4" fmla="*/ 24604 h 883268"/>
              <a:gd name="connsiteX0" fmla="*/ 0 w 2305254"/>
              <a:gd name="connsiteY0" fmla="*/ 24604 h 981679"/>
              <a:gd name="connsiteX1" fmla="*/ 1444160 w 2305254"/>
              <a:gd name="connsiteY1" fmla="*/ 0 h 981679"/>
              <a:gd name="connsiteX2" fmla="*/ 2305254 w 2305254"/>
              <a:gd name="connsiteY2" fmla="*/ 981679 h 981679"/>
              <a:gd name="connsiteX3" fmla="*/ 803688 w 2305254"/>
              <a:gd name="connsiteY3" fmla="*/ 883268 h 981679"/>
              <a:gd name="connsiteX4" fmla="*/ 0 w 2305254"/>
              <a:gd name="connsiteY4" fmla="*/ 24604 h 981679"/>
              <a:gd name="connsiteX0" fmla="*/ 0 w 2305254"/>
              <a:gd name="connsiteY0" fmla="*/ 24604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24604 h 1108792"/>
              <a:gd name="connsiteX0" fmla="*/ 0 w 2141236"/>
              <a:gd name="connsiteY0" fmla="*/ 98412 h 1108792"/>
              <a:gd name="connsiteX1" fmla="*/ 1280142 w 2141236"/>
              <a:gd name="connsiteY1" fmla="*/ 0 h 1108792"/>
              <a:gd name="connsiteX2" fmla="*/ 2141236 w 2141236"/>
              <a:gd name="connsiteY2" fmla="*/ 981679 h 1108792"/>
              <a:gd name="connsiteX3" fmla="*/ 619167 w 2141236"/>
              <a:gd name="connsiteY3" fmla="*/ 1108792 h 1108792"/>
              <a:gd name="connsiteX4" fmla="*/ 0 w 2141236"/>
              <a:gd name="connsiteY4" fmla="*/ 98412 h 1108792"/>
              <a:gd name="connsiteX0" fmla="*/ 0 w 2305254"/>
              <a:gd name="connsiteY0" fmla="*/ 32805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305254"/>
              <a:gd name="connsiteY0" fmla="*/ 0 h 1075987"/>
              <a:gd name="connsiteX1" fmla="*/ 1431859 w 2305254"/>
              <a:gd name="connsiteY1" fmla="*/ 57405 h 1075987"/>
              <a:gd name="connsiteX2" fmla="*/ 2305254 w 2305254"/>
              <a:gd name="connsiteY2" fmla="*/ 948874 h 1075987"/>
              <a:gd name="connsiteX3" fmla="*/ 783185 w 2305254"/>
              <a:gd name="connsiteY3" fmla="*/ 1075987 h 1075987"/>
              <a:gd name="connsiteX4" fmla="*/ 0 w 2305254"/>
              <a:gd name="connsiteY4" fmla="*/ 0 h 1075987"/>
              <a:gd name="connsiteX0" fmla="*/ 0 w 2305254"/>
              <a:gd name="connsiteY0" fmla="*/ 32805 h 1108792"/>
              <a:gd name="connsiteX1" fmla="*/ 1435959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464136"/>
              <a:gd name="connsiteY0" fmla="*/ 63199 h 1108792"/>
              <a:gd name="connsiteX1" fmla="*/ 1594841 w 2464136"/>
              <a:gd name="connsiteY1" fmla="*/ 0 h 1108792"/>
              <a:gd name="connsiteX2" fmla="*/ 2464136 w 2464136"/>
              <a:gd name="connsiteY2" fmla="*/ 981679 h 1108792"/>
              <a:gd name="connsiteX3" fmla="*/ 942067 w 2464136"/>
              <a:gd name="connsiteY3" fmla="*/ 1108792 h 1108792"/>
              <a:gd name="connsiteX4" fmla="*/ 0 w 2464136"/>
              <a:gd name="connsiteY4" fmla="*/ 63199 h 1108792"/>
              <a:gd name="connsiteX0" fmla="*/ 0 w 2464136"/>
              <a:gd name="connsiteY0" fmla="*/ 44963 h 1090556"/>
              <a:gd name="connsiteX1" fmla="*/ 1573175 w 2464136"/>
              <a:gd name="connsiteY1" fmla="*/ 0 h 1090556"/>
              <a:gd name="connsiteX2" fmla="*/ 2464136 w 2464136"/>
              <a:gd name="connsiteY2" fmla="*/ 963443 h 1090556"/>
              <a:gd name="connsiteX3" fmla="*/ 942067 w 2464136"/>
              <a:gd name="connsiteY3" fmla="*/ 1090556 h 1090556"/>
              <a:gd name="connsiteX4" fmla="*/ 0 w 2464136"/>
              <a:gd name="connsiteY4" fmla="*/ 44963 h 1090556"/>
              <a:gd name="connsiteX0" fmla="*/ 0 w 2550799"/>
              <a:gd name="connsiteY0" fmla="*/ 44963 h 1090556"/>
              <a:gd name="connsiteX1" fmla="*/ 1573175 w 2550799"/>
              <a:gd name="connsiteY1" fmla="*/ 0 h 1090556"/>
              <a:gd name="connsiteX2" fmla="*/ 2550799 w 2550799"/>
              <a:gd name="connsiteY2" fmla="*/ 993838 h 1090556"/>
              <a:gd name="connsiteX3" fmla="*/ 942067 w 2550799"/>
              <a:gd name="connsiteY3" fmla="*/ 1090556 h 1090556"/>
              <a:gd name="connsiteX4" fmla="*/ 0 w 2550799"/>
              <a:gd name="connsiteY4" fmla="*/ 44963 h 1090556"/>
              <a:gd name="connsiteX0" fmla="*/ 0 w 2550799"/>
              <a:gd name="connsiteY0" fmla="*/ 44963 h 1108793"/>
              <a:gd name="connsiteX1" fmla="*/ 1573175 w 2550799"/>
              <a:gd name="connsiteY1" fmla="*/ 0 h 1108793"/>
              <a:gd name="connsiteX2" fmla="*/ 2550799 w 2550799"/>
              <a:gd name="connsiteY2" fmla="*/ 993838 h 1108793"/>
              <a:gd name="connsiteX3" fmla="*/ 869847 w 2550799"/>
              <a:gd name="connsiteY3" fmla="*/ 1108793 h 1108793"/>
              <a:gd name="connsiteX4" fmla="*/ 0 w 2550799"/>
              <a:gd name="connsiteY4" fmla="*/ 44963 h 1108793"/>
              <a:gd name="connsiteX0" fmla="*/ 0 w 2572464"/>
              <a:gd name="connsiteY0" fmla="*/ 51041 h 1108793"/>
              <a:gd name="connsiteX1" fmla="*/ 1594840 w 2572464"/>
              <a:gd name="connsiteY1" fmla="*/ 0 h 1108793"/>
              <a:gd name="connsiteX2" fmla="*/ 2572464 w 2572464"/>
              <a:gd name="connsiteY2" fmla="*/ 993838 h 1108793"/>
              <a:gd name="connsiteX3" fmla="*/ 891512 w 2572464"/>
              <a:gd name="connsiteY3" fmla="*/ 1108793 h 1108793"/>
              <a:gd name="connsiteX4" fmla="*/ 0 w 2572464"/>
              <a:gd name="connsiteY4" fmla="*/ 51041 h 11087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572464" h="1108793">
                <a:moveTo>
                  <a:pt x="0" y="51041"/>
                </a:moveTo>
                <a:lnTo>
                  <a:pt x="1594840" y="0"/>
                </a:lnTo>
                <a:lnTo>
                  <a:pt x="2572464" y="993838"/>
                </a:lnTo>
                <a:lnTo>
                  <a:pt x="891512" y="1108793"/>
                </a:lnTo>
                <a:lnTo>
                  <a:pt x="0" y="51041"/>
                </a:lnTo>
                <a:close/>
              </a:path>
            </a:pathLst>
          </a:cu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2" name="Text Placeholder 30"/>
          <p:cNvSpPr>
            <a:spLocks noGrp="1"/>
          </p:cNvSpPr>
          <p:nvPr>
            <p:ph type="body" sz="quarter" idx="120"/>
          </p:nvPr>
        </p:nvSpPr>
        <p:spPr>
          <a:xfrm>
            <a:off x="5877873" y="1648700"/>
            <a:ext cx="1800198" cy="492765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3" name="Text Placeholder 30"/>
          <p:cNvSpPr>
            <a:spLocks noGrp="1"/>
          </p:cNvSpPr>
          <p:nvPr>
            <p:ph type="body" sz="quarter" idx="121"/>
          </p:nvPr>
        </p:nvSpPr>
        <p:spPr>
          <a:xfrm>
            <a:off x="6049838" y="3625854"/>
            <a:ext cx="1289570" cy="21519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4" name="Text Placeholder 30"/>
          <p:cNvSpPr>
            <a:spLocks noGrp="1"/>
          </p:cNvSpPr>
          <p:nvPr>
            <p:ph type="body" sz="quarter" idx="122"/>
          </p:nvPr>
        </p:nvSpPr>
        <p:spPr>
          <a:xfrm>
            <a:off x="1981910" y="3352212"/>
            <a:ext cx="1289570" cy="21519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5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1752145" y="1916865"/>
            <a:ext cx="1289570" cy="21519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6" name="Text Placeholder 30"/>
          <p:cNvSpPr>
            <a:spLocks noGrp="1"/>
          </p:cNvSpPr>
          <p:nvPr>
            <p:ph type="body" sz="quarter" idx="124"/>
          </p:nvPr>
        </p:nvSpPr>
        <p:spPr>
          <a:xfrm>
            <a:off x="6026816" y="3889787"/>
            <a:ext cx="1800198" cy="492765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7" name="Text Placeholder 30"/>
          <p:cNvSpPr>
            <a:spLocks noGrp="1"/>
          </p:cNvSpPr>
          <p:nvPr>
            <p:ph type="body" sz="quarter" idx="125"/>
          </p:nvPr>
        </p:nvSpPr>
        <p:spPr>
          <a:xfrm>
            <a:off x="1485564" y="3606393"/>
            <a:ext cx="1800198" cy="492765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8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1269361" y="2175469"/>
            <a:ext cx="1872208" cy="492765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9" name="Picture Placeholder 6"/>
          <p:cNvSpPr>
            <a:spLocks noGrp="1" noChangeAspect="1"/>
          </p:cNvSpPr>
          <p:nvPr>
            <p:ph type="pic" sz="quarter" idx="127" hasCustomPrompt="1"/>
          </p:nvPr>
        </p:nvSpPr>
        <p:spPr>
          <a:xfrm>
            <a:off x="4365745" y="3168000"/>
            <a:ext cx="1231874" cy="942537"/>
          </a:xfrm>
          <a:custGeom>
            <a:avLst/>
            <a:gdLst>
              <a:gd name="connsiteX0" fmla="*/ 0 w 697878"/>
              <a:gd name="connsiteY0" fmla="*/ 0 h 653642"/>
              <a:gd name="connsiteX1" fmla="*/ 697878 w 697878"/>
              <a:gd name="connsiteY1" fmla="*/ 0 h 653642"/>
              <a:gd name="connsiteX2" fmla="*/ 697878 w 697878"/>
              <a:gd name="connsiteY2" fmla="*/ 653642 h 653642"/>
              <a:gd name="connsiteX3" fmla="*/ 0 w 697878"/>
              <a:gd name="connsiteY3" fmla="*/ 653642 h 653642"/>
              <a:gd name="connsiteX4" fmla="*/ 0 w 697878"/>
              <a:gd name="connsiteY4" fmla="*/ 0 h 653642"/>
              <a:gd name="connsiteX0" fmla="*/ 0 w 1501566"/>
              <a:gd name="connsiteY0" fmla="*/ 0 h 858664"/>
              <a:gd name="connsiteX1" fmla="*/ 1501566 w 1501566"/>
              <a:gd name="connsiteY1" fmla="*/ 205022 h 858664"/>
              <a:gd name="connsiteX2" fmla="*/ 1501566 w 1501566"/>
              <a:gd name="connsiteY2" fmla="*/ 858664 h 858664"/>
              <a:gd name="connsiteX3" fmla="*/ 803688 w 1501566"/>
              <a:gd name="connsiteY3" fmla="*/ 858664 h 858664"/>
              <a:gd name="connsiteX4" fmla="*/ 0 w 1501566"/>
              <a:gd name="connsiteY4" fmla="*/ 0 h 858664"/>
              <a:gd name="connsiteX0" fmla="*/ 0 w 1501566"/>
              <a:gd name="connsiteY0" fmla="*/ 24604 h 883268"/>
              <a:gd name="connsiteX1" fmla="*/ 1444160 w 1501566"/>
              <a:gd name="connsiteY1" fmla="*/ 0 h 883268"/>
              <a:gd name="connsiteX2" fmla="*/ 1501566 w 1501566"/>
              <a:gd name="connsiteY2" fmla="*/ 883268 h 883268"/>
              <a:gd name="connsiteX3" fmla="*/ 803688 w 1501566"/>
              <a:gd name="connsiteY3" fmla="*/ 883268 h 883268"/>
              <a:gd name="connsiteX4" fmla="*/ 0 w 1501566"/>
              <a:gd name="connsiteY4" fmla="*/ 24604 h 883268"/>
              <a:gd name="connsiteX0" fmla="*/ 0 w 2305254"/>
              <a:gd name="connsiteY0" fmla="*/ 24604 h 981679"/>
              <a:gd name="connsiteX1" fmla="*/ 1444160 w 2305254"/>
              <a:gd name="connsiteY1" fmla="*/ 0 h 981679"/>
              <a:gd name="connsiteX2" fmla="*/ 2305254 w 2305254"/>
              <a:gd name="connsiteY2" fmla="*/ 981679 h 981679"/>
              <a:gd name="connsiteX3" fmla="*/ 803688 w 2305254"/>
              <a:gd name="connsiteY3" fmla="*/ 883268 h 981679"/>
              <a:gd name="connsiteX4" fmla="*/ 0 w 2305254"/>
              <a:gd name="connsiteY4" fmla="*/ 24604 h 981679"/>
              <a:gd name="connsiteX0" fmla="*/ 0 w 2305254"/>
              <a:gd name="connsiteY0" fmla="*/ 24604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24604 h 1108792"/>
              <a:gd name="connsiteX0" fmla="*/ 0 w 2141236"/>
              <a:gd name="connsiteY0" fmla="*/ 98412 h 1108792"/>
              <a:gd name="connsiteX1" fmla="*/ 1280142 w 2141236"/>
              <a:gd name="connsiteY1" fmla="*/ 0 h 1108792"/>
              <a:gd name="connsiteX2" fmla="*/ 2141236 w 2141236"/>
              <a:gd name="connsiteY2" fmla="*/ 981679 h 1108792"/>
              <a:gd name="connsiteX3" fmla="*/ 619167 w 2141236"/>
              <a:gd name="connsiteY3" fmla="*/ 1108792 h 1108792"/>
              <a:gd name="connsiteX4" fmla="*/ 0 w 2141236"/>
              <a:gd name="connsiteY4" fmla="*/ 98412 h 1108792"/>
              <a:gd name="connsiteX0" fmla="*/ 0 w 2305254"/>
              <a:gd name="connsiteY0" fmla="*/ 32805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305254"/>
              <a:gd name="connsiteY0" fmla="*/ 0 h 1075987"/>
              <a:gd name="connsiteX1" fmla="*/ 1431859 w 2305254"/>
              <a:gd name="connsiteY1" fmla="*/ 57405 h 1075987"/>
              <a:gd name="connsiteX2" fmla="*/ 2305254 w 2305254"/>
              <a:gd name="connsiteY2" fmla="*/ 948874 h 1075987"/>
              <a:gd name="connsiteX3" fmla="*/ 783185 w 2305254"/>
              <a:gd name="connsiteY3" fmla="*/ 1075987 h 1075987"/>
              <a:gd name="connsiteX4" fmla="*/ 0 w 2305254"/>
              <a:gd name="connsiteY4" fmla="*/ 0 h 1075987"/>
              <a:gd name="connsiteX0" fmla="*/ 0 w 2305254"/>
              <a:gd name="connsiteY0" fmla="*/ 32805 h 1108792"/>
              <a:gd name="connsiteX1" fmla="*/ 1435959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116896"/>
              <a:gd name="connsiteY0" fmla="*/ 0 h 1558183"/>
              <a:gd name="connsiteX1" fmla="*/ 1247601 w 2116896"/>
              <a:gd name="connsiteY1" fmla="*/ 449391 h 1558183"/>
              <a:gd name="connsiteX2" fmla="*/ 2116896 w 2116896"/>
              <a:gd name="connsiteY2" fmla="*/ 1431070 h 1558183"/>
              <a:gd name="connsiteX3" fmla="*/ 594827 w 2116896"/>
              <a:gd name="connsiteY3" fmla="*/ 1558183 h 1558183"/>
              <a:gd name="connsiteX4" fmla="*/ 0 w 2116896"/>
              <a:gd name="connsiteY4" fmla="*/ 0 h 1558183"/>
              <a:gd name="connsiteX0" fmla="*/ 0 w 2814738"/>
              <a:gd name="connsiteY0" fmla="*/ 236232 h 1794415"/>
              <a:gd name="connsiteX1" fmla="*/ 2814738 w 2814738"/>
              <a:gd name="connsiteY1" fmla="*/ 0 h 1794415"/>
              <a:gd name="connsiteX2" fmla="*/ 2116896 w 2814738"/>
              <a:gd name="connsiteY2" fmla="*/ 1667302 h 1794415"/>
              <a:gd name="connsiteX3" fmla="*/ 594827 w 2814738"/>
              <a:gd name="connsiteY3" fmla="*/ 1794415 h 1794415"/>
              <a:gd name="connsiteX4" fmla="*/ 0 w 2814738"/>
              <a:gd name="connsiteY4" fmla="*/ 236232 h 1794415"/>
              <a:gd name="connsiteX0" fmla="*/ 889433 w 3704171"/>
              <a:gd name="connsiteY0" fmla="*/ 236232 h 2834151"/>
              <a:gd name="connsiteX1" fmla="*/ 3704171 w 3704171"/>
              <a:gd name="connsiteY1" fmla="*/ 0 h 2834151"/>
              <a:gd name="connsiteX2" fmla="*/ 3006329 w 3704171"/>
              <a:gd name="connsiteY2" fmla="*/ 1667302 h 2834151"/>
              <a:gd name="connsiteX3" fmla="*/ 0 w 3704171"/>
              <a:gd name="connsiteY3" fmla="*/ 2834151 h 2834151"/>
              <a:gd name="connsiteX4" fmla="*/ 889433 w 3704171"/>
              <a:gd name="connsiteY4" fmla="*/ 236232 h 2834151"/>
              <a:gd name="connsiteX0" fmla="*/ 889433 w 3704171"/>
              <a:gd name="connsiteY0" fmla="*/ 236232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889433 w 3704171"/>
              <a:gd name="connsiteY4" fmla="*/ 236232 h 2834151"/>
              <a:gd name="connsiteX0" fmla="*/ 1002448 w 3704171"/>
              <a:gd name="connsiteY0" fmla="*/ 424589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1002448 w 3704171"/>
              <a:gd name="connsiteY4" fmla="*/ 424589 h 2834151"/>
              <a:gd name="connsiteX0" fmla="*/ 904504 w 3704171"/>
              <a:gd name="connsiteY0" fmla="*/ 251301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904504 w 3704171"/>
              <a:gd name="connsiteY4" fmla="*/ 251301 h 2834151"/>
              <a:gd name="connsiteX0" fmla="*/ 904504 w 3561020"/>
              <a:gd name="connsiteY0" fmla="*/ 153355 h 2736205"/>
              <a:gd name="connsiteX1" fmla="*/ 3561020 w 3561020"/>
              <a:gd name="connsiteY1" fmla="*/ 0 h 2736205"/>
              <a:gd name="connsiteX2" fmla="*/ 2629612 w 3561020"/>
              <a:gd name="connsiteY2" fmla="*/ 2300185 h 2736205"/>
              <a:gd name="connsiteX3" fmla="*/ 0 w 3561020"/>
              <a:gd name="connsiteY3" fmla="*/ 2736205 h 2736205"/>
              <a:gd name="connsiteX4" fmla="*/ 904504 w 3561020"/>
              <a:gd name="connsiteY4" fmla="*/ 153355 h 2736205"/>
              <a:gd name="connsiteX0" fmla="*/ 904504 w 3704171"/>
              <a:gd name="connsiteY0" fmla="*/ 251301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904504 w 3704171"/>
              <a:gd name="connsiteY4" fmla="*/ 251301 h 28341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704171" h="2834151">
                <a:moveTo>
                  <a:pt x="904504" y="251301"/>
                </a:moveTo>
                <a:lnTo>
                  <a:pt x="3704171" y="0"/>
                </a:lnTo>
                <a:lnTo>
                  <a:pt x="2629612" y="2398131"/>
                </a:lnTo>
                <a:lnTo>
                  <a:pt x="0" y="2834151"/>
                </a:lnTo>
                <a:lnTo>
                  <a:pt x="904504" y="251301"/>
                </a:lnTo>
                <a:close/>
              </a:path>
            </a:pathLst>
          </a:cu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0" name="Picture Placeholder 6"/>
          <p:cNvSpPr>
            <a:spLocks noGrp="1" noChangeAspect="1"/>
          </p:cNvSpPr>
          <p:nvPr>
            <p:ph type="pic" sz="quarter" idx="128" hasCustomPrompt="1"/>
          </p:nvPr>
        </p:nvSpPr>
        <p:spPr>
          <a:xfrm>
            <a:off x="3515601" y="2376000"/>
            <a:ext cx="692098" cy="1506865"/>
          </a:xfrm>
          <a:custGeom>
            <a:avLst/>
            <a:gdLst>
              <a:gd name="connsiteX0" fmla="*/ 0 w 697878"/>
              <a:gd name="connsiteY0" fmla="*/ 0 h 653642"/>
              <a:gd name="connsiteX1" fmla="*/ 697878 w 697878"/>
              <a:gd name="connsiteY1" fmla="*/ 0 h 653642"/>
              <a:gd name="connsiteX2" fmla="*/ 697878 w 697878"/>
              <a:gd name="connsiteY2" fmla="*/ 653642 h 653642"/>
              <a:gd name="connsiteX3" fmla="*/ 0 w 697878"/>
              <a:gd name="connsiteY3" fmla="*/ 653642 h 653642"/>
              <a:gd name="connsiteX4" fmla="*/ 0 w 697878"/>
              <a:gd name="connsiteY4" fmla="*/ 0 h 653642"/>
              <a:gd name="connsiteX0" fmla="*/ 0 w 1501566"/>
              <a:gd name="connsiteY0" fmla="*/ 0 h 858664"/>
              <a:gd name="connsiteX1" fmla="*/ 1501566 w 1501566"/>
              <a:gd name="connsiteY1" fmla="*/ 205022 h 858664"/>
              <a:gd name="connsiteX2" fmla="*/ 1501566 w 1501566"/>
              <a:gd name="connsiteY2" fmla="*/ 858664 h 858664"/>
              <a:gd name="connsiteX3" fmla="*/ 803688 w 1501566"/>
              <a:gd name="connsiteY3" fmla="*/ 858664 h 858664"/>
              <a:gd name="connsiteX4" fmla="*/ 0 w 1501566"/>
              <a:gd name="connsiteY4" fmla="*/ 0 h 858664"/>
              <a:gd name="connsiteX0" fmla="*/ 0 w 1501566"/>
              <a:gd name="connsiteY0" fmla="*/ 24604 h 883268"/>
              <a:gd name="connsiteX1" fmla="*/ 1444160 w 1501566"/>
              <a:gd name="connsiteY1" fmla="*/ 0 h 883268"/>
              <a:gd name="connsiteX2" fmla="*/ 1501566 w 1501566"/>
              <a:gd name="connsiteY2" fmla="*/ 883268 h 883268"/>
              <a:gd name="connsiteX3" fmla="*/ 803688 w 1501566"/>
              <a:gd name="connsiteY3" fmla="*/ 883268 h 883268"/>
              <a:gd name="connsiteX4" fmla="*/ 0 w 1501566"/>
              <a:gd name="connsiteY4" fmla="*/ 24604 h 883268"/>
              <a:gd name="connsiteX0" fmla="*/ 0 w 2305254"/>
              <a:gd name="connsiteY0" fmla="*/ 24604 h 981679"/>
              <a:gd name="connsiteX1" fmla="*/ 1444160 w 2305254"/>
              <a:gd name="connsiteY1" fmla="*/ 0 h 981679"/>
              <a:gd name="connsiteX2" fmla="*/ 2305254 w 2305254"/>
              <a:gd name="connsiteY2" fmla="*/ 981679 h 981679"/>
              <a:gd name="connsiteX3" fmla="*/ 803688 w 2305254"/>
              <a:gd name="connsiteY3" fmla="*/ 883268 h 981679"/>
              <a:gd name="connsiteX4" fmla="*/ 0 w 2305254"/>
              <a:gd name="connsiteY4" fmla="*/ 24604 h 981679"/>
              <a:gd name="connsiteX0" fmla="*/ 0 w 2305254"/>
              <a:gd name="connsiteY0" fmla="*/ 24604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24604 h 1108792"/>
              <a:gd name="connsiteX0" fmla="*/ 0 w 2141236"/>
              <a:gd name="connsiteY0" fmla="*/ 98412 h 1108792"/>
              <a:gd name="connsiteX1" fmla="*/ 1280142 w 2141236"/>
              <a:gd name="connsiteY1" fmla="*/ 0 h 1108792"/>
              <a:gd name="connsiteX2" fmla="*/ 2141236 w 2141236"/>
              <a:gd name="connsiteY2" fmla="*/ 981679 h 1108792"/>
              <a:gd name="connsiteX3" fmla="*/ 619167 w 2141236"/>
              <a:gd name="connsiteY3" fmla="*/ 1108792 h 1108792"/>
              <a:gd name="connsiteX4" fmla="*/ 0 w 2141236"/>
              <a:gd name="connsiteY4" fmla="*/ 98412 h 1108792"/>
              <a:gd name="connsiteX0" fmla="*/ 0 w 2305254"/>
              <a:gd name="connsiteY0" fmla="*/ 32805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305254"/>
              <a:gd name="connsiteY0" fmla="*/ 0 h 1075987"/>
              <a:gd name="connsiteX1" fmla="*/ 1431859 w 2305254"/>
              <a:gd name="connsiteY1" fmla="*/ 57405 h 1075987"/>
              <a:gd name="connsiteX2" fmla="*/ 2305254 w 2305254"/>
              <a:gd name="connsiteY2" fmla="*/ 948874 h 1075987"/>
              <a:gd name="connsiteX3" fmla="*/ 783185 w 2305254"/>
              <a:gd name="connsiteY3" fmla="*/ 1075987 h 1075987"/>
              <a:gd name="connsiteX4" fmla="*/ 0 w 2305254"/>
              <a:gd name="connsiteY4" fmla="*/ 0 h 1075987"/>
              <a:gd name="connsiteX0" fmla="*/ 0 w 2305254"/>
              <a:gd name="connsiteY0" fmla="*/ 32805 h 1108792"/>
              <a:gd name="connsiteX1" fmla="*/ 1435959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116896"/>
              <a:gd name="connsiteY0" fmla="*/ 0 h 1558183"/>
              <a:gd name="connsiteX1" fmla="*/ 1247601 w 2116896"/>
              <a:gd name="connsiteY1" fmla="*/ 449391 h 1558183"/>
              <a:gd name="connsiteX2" fmla="*/ 2116896 w 2116896"/>
              <a:gd name="connsiteY2" fmla="*/ 1431070 h 1558183"/>
              <a:gd name="connsiteX3" fmla="*/ 594827 w 2116896"/>
              <a:gd name="connsiteY3" fmla="*/ 1558183 h 1558183"/>
              <a:gd name="connsiteX4" fmla="*/ 0 w 2116896"/>
              <a:gd name="connsiteY4" fmla="*/ 0 h 1558183"/>
              <a:gd name="connsiteX0" fmla="*/ 0 w 2814738"/>
              <a:gd name="connsiteY0" fmla="*/ 236232 h 1794415"/>
              <a:gd name="connsiteX1" fmla="*/ 2814738 w 2814738"/>
              <a:gd name="connsiteY1" fmla="*/ 0 h 1794415"/>
              <a:gd name="connsiteX2" fmla="*/ 2116896 w 2814738"/>
              <a:gd name="connsiteY2" fmla="*/ 1667302 h 1794415"/>
              <a:gd name="connsiteX3" fmla="*/ 594827 w 2814738"/>
              <a:gd name="connsiteY3" fmla="*/ 1794415 h 1794415"/>
              <a:gd name="connsiteX4" fmla="*/ 0 w 2814738"/>
              <a:gd name="connsiteY4" fmla="*/ 236232 h 1794415"/>
              <a:gd name="connsiteX0" fmla="*/ 889433 w 3704171"/>
              <a:gd name="connsiteY0" fmla="*/ 236232 h 2834151"/>
              <a:gd name="connsiteX1" fmla="*/ 3704171 w 3704171"/>
              <a:gd name="connsiteY1" fmla="*/ 0 h 2834151"/>
              <a:gd name="connsiteX2" fmla="*/ 3006329 w 3704171"/>
              <a:gd name="connsiteY2" fmla="*/ 1667302 h 2834151"/>
              <a:gd name="connsiteX3" fmla="*/ 0 w 3704171"/>
              <a:gd name="connsiteY3" fmla="*/ 2834151 h 2834151"/>
              <a:gd name="connsiteX4" fmla="*/ 889433 w 3704171"/>
              <a:gd name="connsiteY4" fmla="*/ 236232 h 2834151"/>
              <a:gd name="connsiteX0" fmla="*/ 889433 w 3704171"/>
              <a:gd name="connsiteY0" fmla="*/ 236232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889433 w 3704171"/>
              <a:gd name="connsiteY4" fmla="*/ 236232 h 2834151"/>
              <a:gd name="connsiteX0" fmla="*/ 1002448 w 3704171"/>
              <a:gd name="connsiteY0" fmla="*/ 424589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1002448 w 3704171"/>
              <a:gd name="connsiteY4" fmla="*/ 424589 h 2834151"/>
              <a:gd name="connsiteX0" fmla="*/ 904504 w 3704171"/>
              <a:gd name="connsiteY0" fmla="*/ 251301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904504 w 3704171"/>
              <a:gd name="connsiteY4" fmla="*/ 251301 h 2834151"/>
              <a:gd name="connsiteX0" fmla="*/ 904504 w 3561020"/>
              <a:gd name="connsiteY0" fmla="*/ 153355 h 2736205"/>
              <a:gd name="connsiteX1" fmla="*/ 3561020 w 3561020"/>
              <a:gd name="connsiteY1" fmla="*/ 0 h 2736205"/>
              <a:gd name="connsiteX2" fmla="*/ 2629612 w 3561020"/>
              <a:gd name="connsiteY2" fmla="*/ 2300185 h 2736205"/>
              <a:gd name="connsiteX3" fmla="*/ 0 w 3561020"/>
              <a:gd name="connsiteY3" fmla="*/ 2736205 h 2736205"/>
              <a:gd name="connsiteX4" fmla="*/ 904504 w 3561020"/>
              <a:gd name="connsiteY4" fmla="*/ 153355 h 2736205"/>
              <a:gd name="connsiteX0" fmla="*/ 904504 w 3704171"/>
              <a:gd name="connsiteY0" fmla="*/ 251301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904504 w 3704171"/>
              <a:gd name="connsiteY4" fmla="*/ 251301 h 2834151"/>
              <a:gd name="connsiteX0" fmla="*/ 1049050 w 3704171"/>
              <a:gd name="connsiteY0" fmla="*/ 0 h 4907587"/>
              <a:gd name="connsiteX1" fmla="*/ 3704171 w 3704171"/>
              <a:gd name="connsiteY1" fmla="*/ 2073436 h 4907587"/>
              <a:gd name="connsiteX2" fmla="*/ 2629612 w 3704171"/>
              <a:gd name="connsiteY2" fmla="*/ 4471567 h 4907587"/>
              <a:gd name="connsiteX3" fmla="*/ 0 w 3704171"/>
              <a:gd name="connsiteY3" fmla="*/ 4907587 h 4907587"/>
              <a:gd name="connsiteX4" fmla="*/ 1049050 w 3704171"/>
              <a:gd name="connsiteY4" fmla="*/ 0 h 4907587"/>
              <a:gd name="connsiteX0" fmla="*/ 1049050 w 3330767"/>
              <a:gd name="connsiteY0" fmla="*/ 0 h 4907587"/>
              <a:gd name="connsiteX1" fmla="*/ 3330767 w 3330767"/>
              <a:gd name="connsiteY1" fmla="*/ 3145467 h 4907587"/>
              <a:gd name="connsiteX2" fmla="*/ 2629612 w 3330767"/>
              <a:gd name="connsiteY2" fmla="*/ 4471567 h 4907587"/>
              <a:gd name="connsiteX3" fmla="*/ 0 w 3330767"/>
              <a:gd name="connsiteY3" fmla="*/ 4907587 h 4907587"/>
              <a:gd name="connsiteX4" fmla="*/ 1049050 w 3330767"/>
              <a:gd name="connsiteY4" fmla="*/ 0 h 4907587"/>
              <a:gd name="connsiteX0" fmla="*/ 1085188 w 3366905"/>
              <a:gd name="connsiteY0" fmla="*/ 0 h 4471566"/>
              <a:gd name="connsiteX1" fmla="*/ 3366905 w 3366905"/>
              <a:gd name="connsiteY1" fmla="*/ 3145467 h 4471566"/>
              <a:gd name="connsiteX2" fmla="*/ 2665750 w 3366905"/>
              <a:gd name="connsiteY2" fmla="*/ 4471567 h 4471566"/>
              <a:gd name="connsiteX3" fmla="*/ 0 w 3366905"/>
              <a:gd name="connsiteY3" fmla="*/ 4004190 h 4471566"/>
              <a:gd name="connsiteX4" fmla="*/ 1085188 w 3366905"/>
              <a:gd name="connsiteY4" fmla="*/ 0 h 4471566"/>
              <a:gd name="connsiteX0" fmla="*/ 1085188 w 3366905"/>
              <a:gd name="connsiteY0" fmla="*/ 0 h 7278115"/>
              <a:gd name="connsiteX1" fmla="*/ 3366905 w 3366905"/>
              <a:gd name="connsiteY1" fmla="*/ 3145467 h 7278115"/>
              <a:gd name="connsiteX2" fmla="*/ 1955079 w 3366905"/>
              <a:gd name="connsiteY2" fmla="*/ 7278115 h 7278115"/>
              <a:gd name="connsiteX3" fmla="*/ 0 w 3366905"/>
              <a:gd name="connsiteY3" fmla="*/ 4004190 h 7278115"/>
              <a:gd name="connsiteX4" fmla="*/ 1085188 w 3366905"/>
              <a:gd name="connsiteY4" fmla="*/ 0 h 7278115"/>
              <a:gd name="connsiteX0" fmla="*/ 1061097 w 3342814"/>
              <a:gd name="connsiteY0" fmla="*/ 0 h 7278115"/>
              <a:gd name="connsiteX1" fmla="*/ 3342814 w 3342814"/>
              <a:gd name="connsiteY1" fmla="*/ 3145467 h 7278115"/>
              <a:gd name="connsiteX2" fmla="*/ 1930988 w 3342814"/>
              <a:gd name="connsiteY2" fmla="*/ 7278115 h 7278115"/>
              <a:gd name="connsiteX3" fmla="*/ 0 w 3342814"/>
              <a:gd name="connsiteY3" fmla="*/ 3980099 h 7278115"/>
              <a:gd name="connsiteX4" fmla="*/ 1061097 w 3342814"/>
              <a:gd name="connsiteY4" fmla="*/ 0 h 72781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342814" h="7278115">
                <a:moveTo>
                  <a:pt x="1061097" y="0"/>
                </a:moveTo>
                <a:lnTo>
                  <a:pt x="3342814" y="3145467"/>
                </a:lnTo>
                <a:lnTo>
                  <a:pt x="1930988" y="7278115"/>
                </a:lnTo>
                <a:lnTo>
                  <a:pt x="0" y="3980099"/>
                </a:lnTo>
                <a:lnTo>
                  <a:pt x="1061097" y="0"/>
                </a:lnTo>
                <a:close/>
              </a:path>
            </a:pathLst>
          </a:cu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960132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47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" dur="6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6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85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600"/>
                            </p:stCondLst>
                            <p:childTnLst>
                              <p:par>
                                <p:cTn id="32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1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6600"/>
                            </p:stCondLst>
                            <p:childTnLst>
                              <p:par>
                                <p:cTn id="4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5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7100"/>
                            </p:stCondLst>
                            <p:childTnLst>
                              <p:par>
                                <p:cTn id="4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9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60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8100"/>
                            </p:stCondLst>
                            <p:childTnLst>
                              <p:par>
                                <p:cTn id="5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0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8600"/>
                            </p:stCondLst>
                            <p:childTnLst>
                              <p:par>
                                <p:cTn id="62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4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9100"/>
                            </p:stCondLst>
                            <p:childTnLst>
                              <p:par>
                                <p:cTn id="6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6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9600"/>
                            </p:stCondLst>
                            <p:childTnLst>
                              <p:par>
                                <p:cTn id="7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5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10100"/>
                            </p:stCondLst>
                            <p:childTnLst>
                              <p:par>
                                <p:cTn id="7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9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1060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8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7" fill="hold">
                            <p:stCondLst>
                              <p:cond delay="11100"/>
                            </p:stCondLst>
                            <p:childTnLst>
                              <p:par>
                                <p:cTn id="8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90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/>
      <p:bldP spid="38" grpId="0"/>
      <p:bldP spid="39" grpId="0"/>
      <p:bldP spid="49" grpId="0"/>
      <p:bldP spid="50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/>
      <p:bldP spid="52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8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9" grpId="0"/>
      <p:bldP spid="60" grpId="0"/>
    </p:bldLst>
  </p:timing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13638" y="915566"/>
            <a:ext cx="4544378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11560" y="486000"/>
            <a:ext cx="456563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 GROWTH 01</a:t>
            </a:r>
          </a:p>
        </p:txBody>
      </p:sp>
      <p:cxnSp>
        <p:nvCxnSpPr>
          <p:cNvPr id="25" name="Straight Connector 24"/>
          <p:cNvCxnSpPr/>
          <p:nvPr userDrawn="1"/>
        </p:nvCxnSpPr>
        <p:spPr>
          <a:xfrm>
            <a:off x="529208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Picture Placeholder 6"/>
          <p:cNvSpPr>
            <a:spLocks noGrp="1" noChangeAspect="1"/>
          </p:cNvSpPr>
          <p:nvPr userDrawn="1">
            <p:ph type="pic" sz="quarter" idx="49" hasCustomPrompt="1"/>
          </p:nvPr>
        </p:nvSpPr>
        <p:spPr>
          <a:xfrm>
            <a:off x="3851918" y="1913334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2" name="Text Placeholder 30"/>
          <p:cNvSpPr>
            <a:spLocks noGrp="1"/>
          </p:cNvSpPr>
          <p:nvPr userDrawn="1">
            <p:ph type="body" sz="quarter" idx="78"/>
          </p:nvPr>
        </p:nvSpPr>
        <p:spPr>
          <a:xfrm>
            <a:off x="2232870" y="1926048"/>
            <a:ext cx="1619048" cy="472075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Picture Placeholder 6"/>
          <p:cNvSpPr>
            <a:spLocks noGrp="1" noChangeAspect="1"/>
          </p:cNvSpPr>
          <p:nvPr userDrawn="1">
            <p:ph type="pic" sz="quarter" idx="79" hasCustomPrompt="1"/>
          </p:nvPr>
        </p:nvSpPr>
        <p:spPr>
          <a:xfrm>
            <a:off x="3022696" y="2711974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4" name="Text Placeholder 30"/>
          <p:cNvSpPr>
            <a:spLocks noGrp="1"/>
          </p:cNvSpPr>
          <p:nvPr userDrawn="1">
            <p:ph type="body" sz="quarter" idx="80"/>
          </p:nvPr>
        </p:nvSpPr>
        <p:spPr>
          <a:xfrm>
            <a:off x="1403648" y="2724688"/>
            <a:ext cx="1619048" cy="472075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5" name="Picture Placeholder 6"/>
          <p:cNvSpPr>
            <a:spLocks noGrp="1" noChangeAspect="1"/>
          </p:cNvSpPr>
          <p:nvPr userDrawn="1">
            <p:ph type="pic" sz="quarter" idx="81" hasCustomPrompt="1"/>
          </p:nvPr>
        </p:nvSpPr>
        <p:spPr>
          <a:xfrm>
            <a:off x="2302616" y="3648078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6" name="Picture Placeholder 6"/>
          <p:cNvSpPr>
            <a:spLocks noGrp="1" noChangeAspect="1"/>
          </p:cNvSpPr>
          <p:nvPr userDrawn="1">
            <p:ph type="pic" sz="quarter" idx="83" hasCustomPrompt="1"/>
          </p:nvPr>
        </p:nvSpPr>
        <p:spPr>
          <a:xfrm>
            <a:off x="6273848" y="1571756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7" name="Text Placeholder 30"/>
          <p:cNvSpPr>
            <a:spLocks noGrp="1"/>
          </p:cNvSpPr>
          <p:nvPr userDrawn="1">
            <p:ph type="body" sz="quarter" idx="84"/>
          </p:nvPr>
        </p:nvSpPr>
        <p:spPr>
          <a:xfrm>
            <a:off x="6853813" y="1584470"/>
            <a:ext cx="1619048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2" name="Text Placeholder 27"/>
          <p:cNvSpPr>
            <a:spLocks noGrp="1"/>
          </p:cNvSpPr>
          <p:nvPr userDrawn="1">
            <p:ph type="body" sz="quarter" idx="100" hasCustomPrompt="1"/>
          </p:nvPr>
        </p:nvSpPr>
        <p:spPr>
          <a:xfrm>
            <a:off x="3491880" y="4389081"/>
            <a:ext cx="1039699" cy="198894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2012</a:t>
            </a:r>
          </a:p>
        </p:txBody>
      </p:sp>
      <p:sp>
        <p:nvSpPr>
          <p:cNvPr id="43" name="Text Placeholder 27"/>
          <p:cNvSpPr>
            <a:spLocks noGrp="1"/>
          </p:cNvSpPr>
          <p:nvPr userDrawn="1">
            <p:ph type="body" sz="quarter" idx="101" hasCustomPrompt="1"/>
          </p:nvPr>
        </p:nvSpPr>
        <p:spPr>
          <a:xfrm>
            <a:off x="4543200" y="4386628"/>
            <a:ext cx="936104" cy="198894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2013</a:t>
            </a:r>
          </a:p>
        </p:txBody>
      </p:sp>
      <p:sp>
        <p:nvSpPr>
          <p:cNvPr id="44" name="Text Placeholder 27"/>
          <p:cNvSpPr>
            <a:spLocks noGrp="1"/>
          </p:cNvSpPr>
          <p:nvPr userDrawn="1">
            <p:ph type="body" sz="quarter" idx="102" hasCustomPrompt="1"/>
          </p:nvPr>
        </p:nvSpPr>
        <p:spPr>
          <a:xfrm>
            <a:off x="5508104" y="4389081"/>
            <a:ext cx="1008112" cy="198894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2014</a:t>
            </a:r>
          </a:p>
        </p:txBody>
      </p:sp>
      <p:sp>
        <p:nvSpPr>
          <p:cNvPr id="45" name="Text Placeholder 27"/>
          <p:cNvSpPr>
            <a:spLocks noGrp="1"/>
          </p:cNvSpPr>
          <p:nvPr userDrawn="1">
            <p:ph type="body" sz="quarter" idx="103" hasCustomPrompt="1"/>
          </p:nvPr>
        </p:nvSpPr>
        <p:spPr>
          <a:xfrm>
            <a:off x="6628645" y="4389082"/>
            <a:ext cx="1039699" cy="198894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2015</a:t>
            </a:r>
          </a:p>
        </p:txBody>
      </p:sp>
      <p:sp>
        <p:nvSpPr>
          <p:cNvPr id="46" name="Text Placeholder 30"/>
          <p:cNvSpPr>
            <a:spLocks noGrp="1"/>
          </p:cNvSpPr>
          <p:nvPr userDrawn="1">
            <p:ph type="body" sz="quarter" idx="104"/>
          </p:nvPr>
        </p:nvSpPr>
        <p:spPr>
          <a:xfrm>
            <a:off x="683568" y="3660792"/>
            <a:ext cx="1619048" cy="472075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8372525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250"/>
                            </p:stCondLst>
                            <p:childTnLst>
                              <p:par>
                                <p:cTn id="22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3750"/>
                            </p:stCondLst>
                            <p:childTnLst>
                              <p:par>
                                <p:cTn id="28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4250"/>
                            </p:stCondLst>
                            <p:childTnLst>
                              <p:par>
                                <p:cTn id="3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/>
      <p:bldP spid="33" grpId="0"/>
      <p:bldP spid="35" grpId="0"/>
      <p:bldP spid="36" grpId="0"/>
    </p:bldLst>
  </p:timing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0"/>
          <p:cNvSpPr>
            <a:spLocks noGrp="1"/>
          </p:cNvSpPr>
          <p:nvPr>
            <p:ph type="body" sz="quarter" idx="218"/>
          </p:nvPr>
        </p:nvSpPr>
        <p:spPr>
          <a:xfrm>
            <a:off x="675667" y="2787774"/>
            <a:ext cx="2664296" cy="1728192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11560" y="915566"/>
            <a:ext cx="4546456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11560" y="486000"/>
            <a:ext cx="4565636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 GROWTH 02</a:t>
            </a:r>
          </a:p>
          <a:p>
            <a:endParaRPr lang="en-US" dirty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529208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3707904" y="1203598"/>
            <a:ext cx="4617678" cy="3528392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cxnSp>
        <p:nvCxnSpPr>
          <p:cNvPr id="26" name="Straight Connector 25"/>
          <p:cNvCxnSpPr/>
          <p:nvPr userDrawn="1"/>
        </p:nvCxnSpPr>
        <p:spPr>
          <a:xfrm>
            <a:off x="747675" y="2643758"/>
            <a:ext cx="2542032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683423" y="2209711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1130400" y="2209711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6" name="Picture Placeholder 6"/>
          <p:cNvSpPr>
            <a:spLocks noGrp="1"/>
          </p:cNvSpPr>
          <p:nvPr>
            <p:ph type="pic" sz="quarter" idx="129" hasCustomPrompt="1"/>
          </p:nvPr>
        </p:nvSpPr>
        <p:spPr>
          <a:xfrm>
            <a:off x="1569600" y="2209711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131" hasCustomPrompt="1"/>
          </p:nvPr>
        </p:nvSpPr>
        <p:spPr>
          <a:xfrm>
            <a:off x="2458800" y="2211710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2016000" y="2209711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219" hasCustomPrompt="1"/>
          </p:nvPr>
        </p:nvSpPr>
        <p:spPr>
          <a:xfrm>
            <a:off x="2901600" y="2214110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44499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250"/>
                            </p:stCondLst>
                            <p:childTnLst>
                              <p:par>
                                <p:cTn id="2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/>
      <p:bldP spid="34" grpId="0"/>
      <p:bldP spid="35" grpId="0"/>
      <p:bldP spid="36" grpId="0"/>
      <p:bldP spid="37" grpId="0"/>
      <p:bldP spid="38" grpId="0"/>
      <p:bldP spid="39" grpId="0"/>
    </p:bldLst>
  </p:timing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8" y="915566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WORKFLOW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486000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EET OUR BUSINESS</a:t>
            </a:r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4836805" y="1831088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4572000" y="1707653"/>
            <a:ext cx="9596" cy="265176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 Placeholder 27"/>
          <p:cNvSpPr>
            <a:spLocks noGrp="1"/>
          </p:cNvSpPr>
          <p:nvPr>
            <p:ph type="body" sz="quarter" idx="124" hasCustomPrompt="1"/>
          </p:nvPr>
        </p:nvSpPr>
        <p:spPr>
          <a:xfrm>
            <a:off x="4816494" y="1707654"/>
            <a:ext cx="3487048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FFLINE MARKETING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929499" y="1831088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127" hasCustomPrompt="1"/>
          </p:nvPr>
        </p:nvSpPr>
        <p:spPr>
          <a:xfrm>
            <a:off x="909188" y="1708625"/>
            <a:ext cx="3487048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THE SIZE OF MARKET</a:t>
            </a:r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4872608" y="2262530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5528753" y="2262530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Picture Placeholder 6"/>
          <p:cNvSpPr>
            <a:spLocks noGrp="1"/>
          </p:cNvSpPr>
          <p:nvPr>
            <p:ph type="pic" sz="quarter" idx="129" hasCustomPrompt="1"/>
          </p:nvPr>
        </p:nvSpPr>
        <p:spPr>
          <a:xfrm>
            <a:off x="6182446" y="2262530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31" hasCustomPrompt="1"/>
          </p:nvPr>
        </p:nvSpPr>
        <p:spPr>
          <a:xfrm>
            <a:off x="7489832" y="2264529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132"/>
          </p:nvPr>
        </p:nvSpPr>
        <p:spPr>
          <a:xfrm>
            <a:off x="4826774" y="3362961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4806463" y="3239527"/>
            <a:ext cx="3487048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NLINE MARKETING</a:t>
            </a:r>
            <a:endParaRPr lang="en-US" dirty="0"/>
          </a:p>
        </p:txBody>
      </p:sp>
      <p:sp>
        <p:nvSpPr>
          <p:cNvPr id="40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6833687" y="2262530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1" name="Picture Placeholder 6"/>
          <p:cNvSpPr>
            <a:spLocks noGrp="1"/>
          </p:cNvSpPr>
          <p:nvPr>
            <p:ph type="pic" sz="quarter" idx="135" hasCustomPrompt="1"/>
          </p:nvPr>
        </p:nvSpPr>
        <p:spPr>
          <a:xfrm>
            <a:off x="4872608" y="380502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2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5528753" y="380502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6182446" y="380502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7489832" y="3807025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5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6833687" y="380502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6" name="Rectangle 85"/>
          <p:cNvSpPr/>
          <p:nvPr userDrawn="1"/>
        </p:nvSpPr>
        <p:spPr>
          <a:xfrm>
            <a:off x="3389943" y="2316850"/>
            <a:ext cx="891589" cy="523517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5B93B4"/>
              </a:solidFill>
            </a:endParaRPr>
          </a:p>
        </p:txBody>
      </p:sp>
      <p:sp>
        <p:nvSpPr>
          <p:cNvPr id="87" name="Text Placeholder 27"/>
          <p:cNvSpPr>
            <a:spLocks noGrp="1"/>
          </p:cNvSpPr>
          <p:nvPr>
            <p:ph type="body" sz="quarter" idx="140" hasCustomPrompt="1"/>
          </p:nvPr>
        </p:nvSpPr>
        <p:spPr>
          <a:xfrm>
            <a:off x="3386886" y="2324233"/>
            <a:ext cx="897082" cy="338328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marL="0" indent="0" algn="ctr">
              <a:buNone/>
              <a:defRPr sz="20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</a:t>
            </a:r>
            <a:endParaRPr lang="en-US" dirty="0"/>
          </a:p>
        </p:txBody>
      </p:sp>
      <p:sp>
        <p:nvSpPr>
          <p:cNvPr id="88" name="Text Placeholder 27"/>
          <p:cNvSpPr>
            <a:spLocks noGrp="1"/>
          </p:cNvSpPr>
          <p:nvPr>
            <p:ph type="body" sz="quarter" idx="141" hasCustomPrompt="1"/>
          </p:nvPr>
        </p:nvSpPr>
        <p:spPr>
          <a:xfrm>
            <a:off x="3383830" y="2628245"/>
            <a:ext cx="897081" cy="212121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ILLION</a:t>
            </a:r>
            <a:endParaRPr lang="en-US" dirty="0"/>
          </a:p>
        </p:txBody>
      </p:sp>
      <p:cxnSp>
        <p:nvCxnSpPr>
          <p:cNvPr id="92" name="Straight Connector 91"/>
          <p:cNvCxnSpPr/>
          <p:nvPr userDrawn="1"/>
        </p:nvCxnSpPr>
        <p:spPr>
          <a:xfrm>
            <a:off x="1023701" y="3036952"/>
            <a:ext cx="3273552" cy="0"/>
          </a:xfrm>
          <a:prstGeom prst="line">
            <a:avLst/>
          </a:prstGeom>
          <a:ln w="12700">
            <a:solidFill>
              <a:srgbClr val="A6A6A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Chart Placeholder 7"/>
          <p:cNvSpPr>
            <a:spLocks noGrp="1"/>
          </p:cNvSpPr>
          <p:nvPr>
            <p:ph type="chart" sz="quarter" idx="142"/>
          </p:nvPr>
        </p:nvSpPr>
        <p:spPr>
          <a:xfrm>
            <a:off x="1333513" y="3228723"/>
            <a:ext cx="1366279" cy="972439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sp>
        <p:nvSpPr>
          <p:cNvPr id="99" name="Chart Placeholder 7"/>
          <p:cNvSpPr>
            <a:spLocks noGrp="1"/>
          </p:cNvSpPr>
          <p:nvPr>
            <p:ph type="chart" sz="quarter" idx="143"/>
          </p:nvPr>
        </p:nvSpPr>
        <p:spPr>
          <a:xfrm>
            <a:off x="2555776" y="3228723"/>
            <a:ext cx="1366279" cy="972439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144" hasCustomPrompt="1"/>
          </p:nvPr>
        </p:nvSpPr>
        <p:spPr>
          <a:xfrm>
            <a:off x="929380" y="3565056"/>
            <a:ext cx="762300" cy="332321"/>
          </a:xfrm>
          <a:prstGeom prst="rect">
            <a:avLst/>
          </a:prstGeom>
        </p:spPr>
        <p:txBody>
          <a:bodyPr lIns="109728" t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VIEW</a:t>
            </a:r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3737692" y="3565056"/>
            <a:ext cx="762300" cy="332321"/>
          </a:xfrm>
          <a:prstGeom prst="rect">
            <a:avLst/>
          </a:prstGeom>
        </p:spPr>
        <p:txBody>
          <a:bodyPr lIns="109728" t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LISTEN</a:t>
            </a:r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146" hasCustomPrompt="1"/>
          </p:nvPr>
        </p:nvSpPr>
        <p:spPr>
          <a:xfrm>
            <a:off x="3131840" y="3549755"/>
            <a:ext cx="294267" cy="27561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8" name="Picture Placeholder 6"/>
          <p:cNvSpPr>
            <a:spLocks noGrp="1"/>
          </p:cNvSpPr>
          <p:nvPr>
            <p:ph type="pic" sz="quarter" idx="147" hasCustomPrompt="1"/>
          </p:nvPr>
        </p:nvSpPr>
        <p:spPr>
          <a:xfrm>
            <a:off x="1901469" y="3549755"/>
            <a:ext cx="294267" cy="27561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0" name="Text Placeholder 27"/>
          <p:cNvSpPr>
            <a:spLocks noGrp="1"/>
          </p:cNvSpPr>
          <p:nvPr>
            <p:ph type="body" sz="quarter" idx="149"/>
          </p:nvPr>
        </p:nvSpPr>
        <p:spPr>
          <a:xfrm>
            <a:off x="909188" y="4198238"/>
            <a:ext cx="3487048" cy="315679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grpSp>
        <p:nvGrpSpPr>
          <p:cNvPr id="49" name="Group 48"/>
          <p:cNvGrpSpPr/>
          <p:nvPr userDrawn="1"/>
        </p:nvGrpSpPr>
        <p:grpSpPr>
          <a:xfrm>
            <a:off x="1018800" y="2336400"/>
            <a:ext cx="1951385" cy="525600"/>
            <a:chOff x="1018800" y="2336400"/>
            <a:chExt cx="1951385" cy="525600"/>
          </a:xfrm>
        </p:grpSpPr>
        <p:pic>
          <p:nvPicPr>
            <p:cNvPr id="51" name="Picture 50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018800" y="2336400"/>
              <a:ext cx="154985" cy="525600"/>
            </a:xfrm>
            <a:prstGeom prst="rect">
              <a:avLst/>
            </a:prstGeom>
          </p:spPr>
        </p:pic>
        <p:pic>
          <p:nvPicPr>
            <p:cNvPr id="52" name="Picture 51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220400" y="2336400"/>
              <a:ext cx="154985" cy="525600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418400" y="2336400"/>
              <a:ext cx="154985" cy="525600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620000" y="2336400"/>
              <a:ext cx="154985" cy="525600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819287" y="2336400"/>
              <a:ext cx="154985" cy="525600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020069" y="2336400"/>
              <a:ext cx="154985" cy="525600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219021" y="2336400"/>
              <a:ext cx="154985" cy="525600"/>
            </a:xfrm>
            <a:prstGeom prst="rect">
              <a:avLst/>
            </a:prstGeom>
          </p:spPr>
        </p:pic>
        <p:pic>
          <p:nvPicPr>
            <p:cNvPr id="58" name="Picture 57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418723" y="2336400"/>
              <a:ext cx="154985" cy="525600"/>
            </a:xfrm>
            <a:prstGeom prst="rect">
              <a:avLst/>
            </a:prstGeom>
          </p:spPr>
        </p:pic>
        <p:pic>
          <p:nvPicPr>
            <p:cNvPr id="59" name="Picture 58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618563" y="2336400"/>
              <a:ext cx="154985" cy="525600"/>
            </a:xfrm>
            <a:prstGeom prst="rect">
              <a:avLst/>
            </a:prstGeom>
          </p:spPr>
        </p:pic>
        <p:pic>
          <p:nvPicPr>
            <p:cNvPr id="60" name="Picture 59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815200" y="2336400"/>
              <a:ext cx="154985" cy="5256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1409618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8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750"/>
                                        <p:tgtEl>
                                          <p:spTgt spid="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1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25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2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8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6250"/>
                            </p:stCondLst>
                            <p:childTnLst>
                              <p:par>
                                <p:cTn id="43" presetID="53" presetClass="entr" presetSubtype="16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53" presetClass="entr" presetSubtype="16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0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725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80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9000"/>
                            </p:stCondLst>
                            <p:childTnLst>
                              <p:par>
                                <p:cTn id="68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6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9750"/>
                            </p:stCondLst>
                            <p:childTnLst>
                              <p:par>
                                <p:cTn id="7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10750"/>
                            </p:stCondLst>
                            <p:childTnLst>
                              <p:par>
                                <p:cTn id="79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6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7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1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2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7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1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2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4" fill="hold">
                            <p:stCondLst>
                              <p:cond delay="12250"/>
                            </p:stCondLst>
                            <p:childTnLst>
                              <p:par>
                                <p:cTn id="10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0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1" fill="hold">
                            <p:stCondLst>
                              <p:cond delay="13000"/>
                            </p:stCondLst>
                            <p:childTnLst>
                              <p:par>
                                <p:cTn id="11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7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0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1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4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/>
      <p:bldP spid="24" grpId="0"/>
      <p:bldP spid="25" grpId="0"/>
      <p:bldP spid="27" grpId="0"/>
      <p:bldP spid="2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/>
      <p:bldP spid="41" grpId="0"/>
      <p:bldP spid="42" grpId="0"/>
      <p:bldP spid="43" grpId="0"/>
      <p:bldP spid="44" grpId="0"/>
      <p:bldP spid="45" grpId="0"/>
      <p:bldP spid="86" grpId="0" animBg="1"/>
      <p:bldP spid="8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8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8" grpId="0"/>
      <p:bldP spid="99" grpId="0"/>
      <p:bldP spid="3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/>
      <p:bldP spid="48" grpId="0"/>
      <p:bldP spid="50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6"/>
          <p:cNvSpPr>
            <a:spLocks noGrp="1"/>
          </p:cNvSpPr>
          <p:nvPr>
            <p:ph type="pic" sz="quarter" idx="121" hasCustomPrompt="1"/>
          </p:nvPr>
        </p:nvSpPr>
        <p:spPr>
          <a:xfrm>
            <a:off x="3913632" y="1808939"/>
            <a:ext cx="1230100" cy="115212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" name="Picture Placeholder 6"/>
          <p:cNvSpPr>
            <a:spLocks noGrp="1"/>
          </p:cNvSpPr>
          <p:nvPr>
            <p:ph type="pic" sz="quarter" idx="124" hasCustomPrompt="1"/>
          </p:nvPr>
        </p:nvSpPr>
        <p:spPr>
          <a:xfrm>
            <a:off x="6228336" y="1779662"/>
            <a:ext cx="1230100" cy="115212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425481" y="915566"/>
            <a:ext cx="568526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11760" y="486000"/>
            <a:ext cx="571185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RESPONSIVE APPLICATION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30"/>
          <p:cNvSpPr>
            <a:spLocks noGrp="1"/>
          </p:cNvSpPr>
          <p:nvPr>
            <p:ph type="body" sz="quarter" idx="99" hasCustomPrompt="1"/>
          </p:nvPr>
        </p:nvSpPr>
        <p:spPr>
          <a:xfrm>
            <a:off x="1619824" y="3033076"/>
            <a:ext cx="1224136" cy="216024"/>
          </a:xfrm>
          <a:prstGeom prst="rect">
            <a:avLst/>
          </a:prstGeom>
          <a:solidFill>
            <a:srgbClr val="73BCB1"/>
          </a:solidFill>
          <a:ln w="19050"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MABILE APP.</a:t>
            </a:r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3" hasCustomPrompt="1"/>
          </p:nvPr>
        </p:nvSpPr>
        <p:spPr>
          <a:xfrm>
            <a:off x="1609344" y="1808940"/>
            <a:ext cx="1230100" cy="115212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Text Placeholder 30"/>
          <p:cNvSpPr>
            <a:spLocks noGrp="1"/>
          </p:cNvSpPr>
          <p:nvPr>
            <p:ph type="body" sz="quarter" idx="119"/>
          </p:nvPr>
        </p:nvSpPr>
        <p:spPr>
          <a:xfrm>
            <a:off x="1547816" y="3414099"/>
            <a:ext cx="1368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20" hasCustomPrompt="1"/>
          </p:nvPr>
        </p:nvSpPr>
        <p:spPr>
          <a:xfrm>
            <a:off x="3924080" y="3033075"/>
            <a:ext cx="1224136" cy="216024"/>
          </a:xfrm>
          <a:prstGeom prst="rect">
            <a:avLst/>
          </a:prstGeom>
          <a:solidFill>
            <a:srgbClr val="73BCB1"/>
          </a:solidFill>
          <a:ln w="19050"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PAD APP.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22"/>
          </p:nvPr>
        </p:nvSpPr>
        <p:spPr>
          <a:xfrm>
            <a:off x="3852072" y="3414098"/>
            <a:ext cx="1368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23" hasCustomPrompt="1"/>
          </p:nvPr>
        </p:nvSpPr>
        <p:spPr>
          <a:xfrm>
            <a:off x="6228336" y="3003798"/>
            <a:ext cx="1224136" cy="216024"/>
          </a:xfrm>
          <a:prstGeom prst="rect">
            <a:avLst/>
          </a:prstGeom>
          <a:solidFill>
            <a:srgbClr val="73BCB1"/>
          </a:solidFill>
          <a:ln w="19050"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ESKTOP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25"/>
          </p:nvPr>
        </p:nvSpPr>
        <p:spPr>
          <a:xfrm>
            <a:off x="6156328" y="3384821"/>
            <a:ext cx="1368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67219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75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250"/>
                            </p:stCondLst>
                            <p:childTnLst>
                              <p:par>
                                <p:cTn id="26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750"/>
                            </p:stCondLst>
                            <p:childTnLst>
                              <p:par>
                                <p:cTn id="30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25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5750"/>
                            </p:stCondLst>
                            <p:childTnLst>
                              <p:par>
                                <p:cTn id="4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6250"/>
                            </p:stCondLst>
                            <p:childTnLst>
                              <p:par>
                                <p:cTn id="4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6750"/>
                            </p:stCondLst>
                            <p:childTnLst>
                              <p:par>
                                <p:cTn id="5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7250"/>
                            </p:stCondLst>
                            <p:childTnLst>
                              <p:par>
                                <p:cTn id="54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  <p:bldP spid="3" grpId="0"/>
      <p:bldP spid="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/>
      <p:bldP spid="9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4002280" y="915566"/>
            <a:ext cx="410846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IRCLE CHART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95936" y="486000"/>
            <a:ext cx="4127683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CESS MAP</a:t>
            </a:r>
            <a:endParaRPr lang="en-US" dirty="0"/>
          </a:p>
        </p:txBody>
      </p:sp>
      <p:cxnSp>
        <p:nvCxnSpPr>
          <p:cNvPr id="4" name="Straight Connector 3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27"/>
          <p:cNvSpPr>
            <a:spLocks noGrp="1"/>
          </p:cNvSpPr>
          <p:nvPr>
            <p:ph type="body" sz="quarter" idx="199" hasCustomPrompt="1"/>
          </p:nvPr>
        </p:nvSpPr>
        <p:spPr>
          <a:xfrm>
            <a:off x="1444752" y="2211710"/>
            <a:ext cx="720080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32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</a:t>
            </a:r>
            <a:endParaRPr lang="en-US" dirty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827584" y="3605000"/>
            <a:ext cx="187220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827584" y="3363838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203" hasCustomPrompt="1"/>
          </p:nvPr>
        </p:nvSpPr>
        <p:spPr>
          <a:xfrm>
            <a:off x="1907704" y="2211710"/>
            <a:ext cx="288032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16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%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204" hasCustomPrompt="1"/>
          </p:nvPr>
        </p:nvSpPr>
        <p:spPr>
          <a:xfrm>
            <a:off x="3319272" y="2211710"/>
            <a:ext cx="720080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32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</a:t>
            </a:r>
            <a:endParaRPr lang="en-US" dirty="0"/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205"/>
          </p:nvPr>
        </p:nvSpPr>
        <p:spPr>
          <a:xfrm>
            <a:off x="2699792" y="3605000"/>
            <a:ext cx="187220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06" hasCustomPrompt="1"/>
          </p:nvPr>
        </p:nvSpPr>
        <p:spPr>
          <a:xfrm>
            <a:off x="2699792" y="3363838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207" hasCustomPrompt="1"/>
          </p:nvPr>
        </p:nvSpPr>
        <p:spPr>
          <a:xfrm>
            <a:off x="3779912" y="2211710"/>
            <a:ext cx="288032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16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%</a:t>
            </a:r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208" hasCustomPrompt="1"/>
          </p:nvPr>
        </p:nvSpPr>
        <p:spPr>
          <a:xfrm>
            <a:off x="5193792" y="2211710"/>
            <a:ext cx="720080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32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209"/>
          </p:nvPr>
        </p:nvSpPr>
        <p:spPr>
          <a:xfrm>
            <a:off x="4572000" y="3605000"/>
            <a:ext cx="187220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210" hasCustomPrompt="1"/>
          </p:nvPr>
        </p:nvSpPr>
        <p:spPr>
          <a:xfrm>
            <a:off x="4572000" y="3363838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211" hasCustomPrompt="1"/>
          </p:nvPr>
        </p:nvSpPr>
        <p:spPr>
          <a:xfrm>
            <a:off x="5652120" y="2211710"/>
            <a:ext cx="288032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16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%</a:t>
            </a:r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212" hasCustomPrompt="1"/>
          </p:nvPr>
        </p:nvSpPr>
        <p:spPr>
          <a:xfrm>
            <a:off x="7068312" y="2211710"/>
            <a:ext cx="720080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32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</a:t>
            </a:r>
            <a:endParaRPr lang="en-US" dirty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213"/>
          </p:nvPr>
        </p:nvSpPr>
        <p:spPr>
          <a:xfrm>
            <a:off x="6444208" y="3605000"/>
            <a:ext cx="187220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214" hasCustomPrompt="1"/>
          </p:nvPr>
        </p:nvSpPr>
        <p:spPr>
          <a:xfrm>
            <a:off x="6444208" y="3363838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215" hasCustomPrompt="1"/>
          </p:nvPr>
        </p:nvSpPr>
        <p:spPr>
          <a:xfrm>
            <a:off x="7524328" y="2211710"/>
            <a:ext cx="288032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16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%</a:t>
            </a:r>
            <a:endParaRPr lang="en-US" dirty="0"/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1547664" y="1938528"/>
            <a:ext cx="360040" cy="32403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216" hasCustomPrompt="1"/>
          </p:nvPr>
        </p:nvSpPr>
        <p:spPr>
          <a:xfrm>
            <a:off x="3419872" y="1938528"/>
            <a:ext cx="360040" cy="32403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5" name="Picture Placeholder 6"/>
          <p:cNvSpPr>
            <a:spLocks noGrp="1"/>
          </p:cNvSpPr>
          <p:nvPr>
            <p:ph type="pic" sz="quarter" idx="217" hasCustomPrompt="1"/>
          </p:nvPr>
        </p:nvSpPr>
        <p:spPr>
          <a:xfrm>
            <a:off x="5292080" y="1938528"/>
            <a:ext cx="360040" cy="32403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6" name="Picture Placeholder 6"/>
          <p:cNvSpPr>
            <a:spLocks noGrp="1"/>
          </p:cNvSpPr>
          <p:nvPr>
            <p:ph type="pic" sz="quarter" idx="218" hasCustomPrompt="1"/>
          </p:nvPr>
        </p:nvSpPr>
        <p:spPr>
          <a:xfrm>
            <a:off x="7164288" y="1938528"/>
            <a:ext cx="360040" cy="32403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444567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/>
      <p:bldP spid="44" grpId="0"/>
      <p:bldP spid="45" grpId="0"/>
      <p:bldP spid="46" grpId="0"/>
    </p:bldLst>
  </p:timing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6"/>
          <p:cNvSpPr>
            <a:spLocks noGrp="1"/>
          </p:cNvSpPr>
          <p:nvPr>
            <p:ph type="pic" sz="quarter" idx="118" hasCustomPrompt="1"/>
          </p:nvPr>
        </p:nvSpPr>
        <p:spPr>
          <a:xfrm>
            <a:off x="6851894" y="2067206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5051694" y="2067206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15" hasCustomPrompt="1"/>
          </p:nvPr>
        </p:nvSpPr>
        <p:spPr>
          <a:xfrm>
            <a:off x="3323040" y="2066374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2753488" y="3366161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EB CONCEPT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08" hasCustomPrompt="1"/>
          </p:nvPr>
        </p:nvSpPr>
        <p:spPr>
          <a:xfrm>
            <a:off x="4535376" y="3363838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VERTISING</a:t>
            </a:r>
          </a:p>
          <a:p>
            <a:endParaRPr lang="en-US" dirty="0" smtClean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971600" y="3670530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971600" y="3363838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-COMMERCE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02"/>
          </p:nvPr>
        </p:nvSpPr>
        <p:spPr>
          <a:xfrm>
            <a:off x="2753488" y="3672853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06"/>
          </p:nvPr>
        </p:nvSpPr>
        <p:spPr>
          <a:xfrm>
            <a:off x="4535376" y="3670530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10"/>
          </p:nvPr>
        </p:nvSpPr>
        <p:spPr>
          <a:xfrm>
            <a:off x="6319648" y="3670530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6319648" y="3363838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KETING PLAN</a:t>
            </a:r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13" hasCustomPrompt="1"/>
          </p:nvPr>
        </p:nvSpPr>
        <p:spPr>
          <a:xfrm>
            <a:off x="1522840" y="2065125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353809" y="915566"/>
            <a:ext cx="57569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339752" y="486000"/>
            <a:ext cx="5783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ERVICE COMPARISON</a:t>
            </a:r>
            <a:endParaRPr lang="en-US" dirty="0"/>
          </a:p>
        </p:txBody>
      </p:sp>
      <p:cxnSp>
        <p:nvCxnSpPr>
          <p:cNvPr id="23" name="Straight Connector 22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269804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6" grpId="0"/>
      <p:bldP spid="10" grpId="0"/>
      <p:bldP spid="20" grpId="0"/>
      <p:bldP spid="21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5" name="Picture 44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14400" y="3441600"/>
            <a:ext cx="613527" cy="532800"/>
          </a:xfrm>
          <a:prstGeom prst="rect">
            <a:avLst/>
          </a:prstGeom>
        </p:spPr>
      </p:pic>
      <p:sp>
        <p:nvSpPr>
          <p:cNvPr id="42" name="Rectangle 41"/>
          <p:cNvSpPr/>
          <p:nvPr userDrawn="1"/>
        </p:nvSpPr>
        <p:spPr>
          <a:xfrm>
            <a:off x="7278375" y="3448975"/>
            <a:ext cx="891589" cy="523517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Chart Placeholder 7"/>
          <p:cNvSpPr>
            <a:spLocks noGrp="1"/>
          </p:cNvSpPr>
          <p:nvPr>
            <p:ph type="chart" sz="quarter" idx="126"/>
          </p:nvPr>
        </p:nvSpPr>
        <p:spPr>
          <a:xfrm>
            <a:off x="914532" y="1852814"/>
            <a:ext cx="3597934" cy="1297261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4749340" y="1779662"/>
            <a:ext cx="0" cy="2208512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779370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IFFERENTIAL SURVEY RESULTS</a:t>
            </a:r>
            <a:endParaRPr lang="en-US" dirty="0"/>
          </a:p>
        </p:txBody>
      </p:sp>
      <p:sp>
        <p:nvSpPr>
          <p:cNvPr id="77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781714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GENDER</a:t>
            </a:r>
            <a:endParaRPr lang="en-US" dirty="0"/>
          </a:p>
        </p:txBody>
      </p:sp>
      <p:cxnSp>
        <p:nvCxnSpPr>
          <p:cNvPr id="78" name="Straight Connector 77"/>
          <p:cNvCxnSpPr/>
          <p:nvPr userDrawn="1"/>
        </p:nvCxnSpPr>
        <p:spPr>
          <a:xfrm>
            <a:off x="4512466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 Placeholder 30"/>
          <p:cNvSpPr>
            <a:spLocks noGrp="1"/>
          </p:cNvSpPr>
          <p:nvPr userDrawn="1">
            <p:ph type="body" sz="quarter" idx="123"/>
          </p:nvPr>
        </p:nvSpPr>
        <p:spPr>
          <a:xfrm>
            <a:off x="4892657" y="1971686"/>
            <a:ext cx="3423759" cy="468094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27"/>
          <p:cNvSpPr>
            <a:spLocks noGrp="1"/>
          </p:cNvSpPr>
          <p:nvPr userDrawn="1">
            <p:ph type="body" sz="quarter" idx="127" hasCustomPrompt="1"/>
          </p:nvPr>
        </p:nvSpPr>
        <p:spPr>
          <a:xfrm>
            <a:off x="4893356" y="1779662"/>
            <a:ext cx="2846996" cy="22860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1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GENDER DIFFERENT SURVEY RESULT</a:t>
            </a:r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 userDrawn="1">
            <p:ph type="body" sz="quarter" idx="132" hasCustomPrompt="1"/>
          </p:nvPr>
        </p:nvSpPr>
        <p:spPr>
          <a:xfrm>
            <a:off x="7275318" y="3456358"/>
            <a:ext cx="897082" cy="33832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0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 userDrawn="1">
            <p:ph type="body" sz="quarter" idx="133" hasCustomPrompt="1"/>
          </p:nvPr>
        </p:nvSpPr>
        <p:spPr>
          <a:xfrm>
            <a:off x="7272262" y="3760371"/>
            <a:ext cx="897081" cy="19105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EMALE</a:t>
            </a:r>
            <a:endParaRPr lang="en-US" dirty="0"/>
          </a:p>
        </p:txBody>
      </p:sp>
      <p:sp>
        <p:nvSpPr>
          <p:cNvPr id="48" name="Rectangle 47"/>
          <p:cNvSpPr/>
          <p:nvPr userDrawn="1"/>
        </p:nvSpPr>
        <p:spPr>
          <a:xfrm>
            <a:off x="7275733" y="2730001"/>
            <a:ext cx="891589" cy="523517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9" name="Text Placeholder 27"/>
          <p:cNvSpPr>
            <a:spLocks noGrp="1"/>
          </p:cNvSpPr>
          <p:nvPr userDrawn="1">
            <p:ph type="body" sz="quarter" idx="134" hasCustomPrompt="1"/>
          </p:nvPr>
        </p:nvSpPr>
        <p:spPr>
          <a:xfrm>
            <a:off x="7272676" y="2737384"/>
            <a:ext cx="897082" cy="33832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0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50" name="Text Placeholder 27"/>
          <p:cNvSpPr>
            <a:spLocks noGrp="1"/>
          </p:cNvSpPr>
          <p:nvPr userDrawn="1">
            <p:ph type="body" sz="quarter" idx="135" hasCustomPrompt="1"/>
          </p:nvPr>
        </p:nvSpPr>
        <p:spPr>
          <a:xfrm>
            <a:off x="7269620" y="3041397"/>
            <a:ext cx="897081" cy="19105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EMALE</a:t>
            </a:r>
            <a:endParaRPr lang="en-US" dirty="0"/>
          </a:p>
        </p:txBody>
      </p:sp>
      <p:sp>
        <p:nvSpPr>
          <p:cNvPr id="54" name="Text Placeholder 30"/>
          <p:cNvSpPr>
            <a:spLocks noGrp="1"/>
          </p:cNvSpPr>
          <p:nvPr userDrawn="1">
            <p:ph type="body" sz="quarter" idx="136"/>
          </p:nvPr>
        </p:nvSpPr>
        <p:spPr>
          <a:xfrm>
            <a:off x="3087434" y="3408406"/>
            <a:ext cx="1518590" cy="60350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l">
              <a:buNone/>
              <a:defRPr sz="9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6" name="Text Placeholder 27"/>
          <p:cNvSpPr>
            <a:spLocks noGrp="1"/>
          </p:cNvSpPr>
          <p:nvPr userDrawn="1">
            <p:ph type="body" sz="quarter" idx="137" hasCustomPrompt="1"/>
          </p:nvPr>
        </p:nvSpPr>
        <p:spPr>
          <a:xfrm>
            <a:off x="1640475" y="3455917"/>
            <a:ext cx="1351947" cy="33832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0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$100,000</a:t>
            </a:r>
            <a:endParaRPr lang="en-US" dirty="0"/>
          </a:p>
        </p:txBody>
      </p:sp>
      <p:sp>
        <p:nvSpPr>
          <p:cNvPr id="57" name="Text Placeholder 27"/>
          <p:cNvSpPr>
            <a:spLocks noGrp="1"/>
          </p:cNvSpPr>
          <p:nvPr userDrawn="1">
            <p:ph type="body" sz="quarter" idx="138" hasCustomPrompt="1"/>
          </p:nvPr>
        </p:nvSpPr>
        <p:spPr>
          <a:xfrm>
            <a:off x="1637420" y="3759930"/>
            <a:ext cx="1351946" cy="19105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REVENUE</a:t>
            </a:r>
            <a:endParaRPr lang="en-US" dirty="0"/>
          </a:p>
        </p:txBody>
      </p:sp>
      <p:sp>
        <p:nvSpPr>
          <p:cNvPr id="58" name="Rectangle 57"/>
          <p:cNvSpPr/>
          <p:nvPr userDrawn="1"/>
        </p:nvSpPr>
        <p:spPr>
          <a:xfrm>
            <a:off x="1642877" y="3439714"/>
            <a:ext cx="1352600" cy="523517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46" name="Group 45"/>
          <p:cNvGrpSpPr/>
          <p:nvPr userDrawn="1"/>
        </p:nvGrpSpPr>
        <p:grpSpPr>
          <a:xfrm>
            <a:off x="4957200" y="3441600"/>
            <a:ext cx="2070333" cy="550800"/>
            <a:chOff x="4982400" y="3816000"/>
            <a:chExt cx="2070333" cy="550800"/>
          </a:xfrm>
        </p:grpSpPr>
        <p:pic>
          <p:nvPicPr>
            <p:cNvPr id="47" name="Picture 46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4982400" y="3816000"/>
              <a:ext cx="180333" cy="550800"/>
            </a:xfrm>
            <a:prstGeom prst="rect">
              <a:avLst/>
            </a:prstGeom>
          </p:spPr>
        </p:pic>
        <p:pic>
          <p:nvPicPr>
            <p:cNvPr id="51" name="Picture 50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5187600" y="3816000"/>
              <a:ext cx="180333" cy="550800"/>
            </a:xfrm>
            <a:prstGeom prst="rect">
              <a:avLst/>
            </a:prstGeom>
          </p:spPr>
        </p:pic>
        <p:pic>
          <p:nvPicPr>
            <p:cNvPr id="52" name="Picture 51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5400000" y="3816000"/>
              <a:ext cx="180333" cy="550800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5608800" y="3816000"/>
              <a:ext cx="180333" cy="550800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5817600" y="3816000"/>
              <a:ext cx="180333" cy="550800"/>
            </a:xfrm>
            <a:prstGeom prst="rect">
              <a:avLst/>
            </a:prstGeom>
          </p:spPr>
        </p:pic>
        <p:pic>
          <p:nvPicPr>
            <p:cNvPr id="59" name="Picture 58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030000" y="3816000"/>
              <a:ext cx="180333" cy="550800"/>
            </a:xfrm>
            <a:prstGeom prst="rect">
              <a:avLst/>
            </a:prstGeom>
          </p:spPr>
        </p:pic>
        <p:pic>
          <p:nvPicPr>
            <p:cNvPr id="60" name="Picture 59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238800" y="3816000"/>
              <a:ext cx="180333" cy="550800"/>
            </a:xfrm>
            <a:prstGeom prst="rect">
              <a:avLst/>
            </a:prstGeom>
          </p:spPr>
        </p:pic>
        <p:pic>
          <p:nvPicPr>
            <p:cNvPr id="61" name="Picture 60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451200" y="3816000"/>
              <a:ext cx="180333" cy="550800"/>
            </a:xfrm>
            <a:prstGeom prst="rect">
              <a:avLst/>
            </a:prstGeom>
          </p:spPr>
        </p:pic>
        <p:pic>
          <p:nvPicPr>
            <p:cNvPr id="62" name="Picture 61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660000" y="3816000"/>
              <a:ext cx="180333" cy="550800"/>
            </a:xfrm>
            <a:prstGeom prst="rect">
              <a:avLst/>
            </a:prstGeom>
          </p:spPr>
        </p:pic>
        <p:pic>
          <p:nvPicPr>
            <p:cNvPr id="63" name="Picture 62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872400" y="3816000"/>
              <a:ext cx="180333" cy="550800"/>
            </a:xfrm>
            <a:prstGeom prst="rect">
              <a:avLst/>
            </a:prstGeom>
          </p:spPr>
        </p:pic>
      </p:grpSp>
      <p:grpSp>
        <p:nvGrpSpPr>
          <p:cNvPr id="64" name="Group 63"/>
          <p:cNvGrpSpPr/>
          <p:nvPr userDrawn="1"/>
        </p:nvGrpSpPr>
        <p:grpSpPr>
          <a:xfrm>
            <a:off x="4955750" y="2715391"/>
            <a:ext cx="2052010" cy="552703"/>
            <a:chOff x="1018800" y="2336400"/>
            <a:chExt cx="1951385" cy="525600"/>
          </a:xfrm>
        </p:grpSpPr>
        <p:pic>
          <p:nvPicPr>
            <p:cNvPr id="65" name="Picture 64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018800" y="2336400"/>
              <a:ext cx="154985" cy="525600"/>
            </a:xfrm>
            <a:prstGeom prst="rect">
              <a:avLst/>
            </a:prstGeom>
          </p:spPr>
        </p:pic>
        <p:pic>
          <p:nvPicPr>
            <p:cNvPr id="66" name="Picture 65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220400" y="2336400"/>
              <a:ext cx="154985" cy="525600"/>
            </a:xfrm>
            <a:prstGeom prst="rect">
              <a:avLst/>
            </a:prstGeom>
          </p:spPr>
        </p:pic>
        <p:pic>
          <p:nvPicPr>
            <p:cNvPr id="67" name="Picture 66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418400" y="2336400"/>
              <a:ext cx="154985" cy="525600"/>
            </a:xfrm>
            <a:prstGeom prst="rect">
              <a:avLst/>
            </a:prstGeom>
          </p:spPr>
        </p:pic>
        <p:pic>
          <p:nvPicPr>
            <p:cNvPr id="68" name="Picture 67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620000" y="2336400"/>
              <a:ext cx="154985" cy="525600"/>
            </a:xfrm>
            <a:prstGeom prst="rect">
              <a:avLst/>
            </a:prstGeom>
          </p:spPr>
        </p:pic>
        <p:pic>
          <p:nvPicPr>
            <p:cNvPr id="69" name="Picture 68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819287" y="2336400"/>
              <a:ext cx="154985" cy="525600"/>
            </a:xfrm>
            <a:prstGeom prst="rect">
              <a:avLst/>
            </a:prstGeom>
          </p:spPr>
        </p:pic>
        <p:pic>
          <p:nvPicPr>
            <p:cNvPr id="70" name="Picture 69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020069" y="2336400"/>
              <a:ext cx="154985" cy="525600"/>
            </a:xfrm>
            <a:prstGeom prst="rect">
              <a:avLst/>
            </a:prstGeom>
          </p:spPr>
        </p:pic>
        <p:pic>
          <p:nvPicPr>
            <p:cNvPr id="71" name="Picture 70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219021" y="2336400"/>
              <a:ext cx="154985" cy="525600"/>
            </a:xfrm>
            <a:prstGeom prst="rect">
              <a:avLst/>
            </a:prstGeom>
          </p:spPr>
        </p:pic>
        <p:pic>
          <p:nvPicPr>
            <p:cNvPr id="72" name="Picture 71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418723" y="2336400"/>
              <a:ext cx="154985" cy="525600"/>
            </a:xfrm>
            <a:prstGeom prst="rect">
              <a:avLst/>
            </a:prstGeom>
          </p:spPr>
        </p:pic>
        <p:pic>
          <p:nvPicPr>
            <p:cNvPr id="73" name="Picture 72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618563" y="2336400"/>
              <a:ext cx="154985" cy="525600"/>
            </a:xfrm>
            <a:prstGeom prst="rect">
              <a:avLst/>
            </a:prstGeom>
          </p:spPr>
        </p:pic>
        <p:pic>
          <p:nvPicPr>
            <p:cNvPr id="74" name="Picture 73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815200" y="2336400"/>
              <a:ext cx="154985" cy="5256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7272084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2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5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0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750"/>
                            </p:stCondLst>
                            <p:childTnLst>
                              <p:par>
                                <p:cTn id="38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72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8250"/>
                            </p:stCondLst>
                            <p:childTnLst>
                              <p:par>
                                <p:cTn id="4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9250"/>
                            </p:stCondLst>
                            <p:childTnLst>
                              <p:par>
                                <p:cTn id="62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2" grpId="0" animBg="1"/>
      <p:bldP spid="8" grpId="0"/>
      <p:bldP spid="7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animBg="1"/>
      <p:bldP spid="4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8" grpId="0" animBg="1"/>
    </p:bld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6"/>
          <p:cNvSpPr>
            <a:spLocks noGrp="1"/>
          </p:cNvSpPr>
          <p:nvPr>
            <p:ph type="pic" sz="quarter" idx="19"/>
          </p:nvPr>
        </p:nvSpPr>
        <p:spPr>
          <a:xfrm>
            <a:off x="6156176" y="3003798"/>
            <a:ext cx="2880320" cy="216024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0"/>
          </p:nvPr>
        </p:nvSpPr>
        <p:spPr>
          <a:xfrm>
            <a:off x="6143926" y="123478"/>
            <a:ext cx="2880320" cy="1927143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1"/>
          </p:nvPr>
        </p:nvSpPr>
        <p:spPr>
          <a:xfrm>
            <a:off x="3149588" y="123477"/>
            <a:ext cx="2880320" cy="3384376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22"/>
          </p:nvPr>
        </p:nvSpPr>
        <p:spPr>
          <a:xfrm>
            <a:off x="3149588" y="4434065"/>
            <a:ext cx="2880320" cy="7315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3149588" y="3507853"/>
            <a:ext cx="2880320" cy="88116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23"/>
          </p:nvPr>
        </p:nvSpPr>
        <p:spPr>
          <a:xfrm>
            <a:off x="6143925" y="2078199"/>
            <a:ext cx="2880321" cy="88116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103209" y="843558"/>
            <a:ext cx="268088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107504" y="420624"/>
            <a:ext cx="269342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VERVIEW</a:t>
            </a:r>
          </a:p>
        </p:txBody>
      </p:sp>
      <p:cxnSp>
        <p:nvCxnSpPr>
          <p:cNvPr id="36" name="Straight Connector 35"/>
          <p:cNvCxnSpPr/>
          <p:nvPr userDrawn="1"/>
        </p:nvCxnSpPr>
        <p:spPr>
          <a:xfrm>
            <a:off x="2915816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077286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5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8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250"/>
                            </p:stCondLst>
                            <p:childTnLst>
                              <p:par>
                                <p:cTn id="30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2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000"/>
                            </p:stCondLst>
                            <p:childTnLst>
                              <p:par>
                                <p:cTn id="34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6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10" grpId="0" animBg="1"/>
      <p:bldP spid="13" grpId="0" animBg="1"/>
      <p:bldP spid="14" grpId="0" animBg="1"/>
      <p:bldP spid="15" grpId="0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22" presetClass="entr" presetSubtype="8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969447" y="3074400"/>
            <a:ext cx="1164357" cy="104792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50" hasCustomPrompt="1"/>
          </p:nvPr>
        </p:nvSpPr>
        <p:spPr>
          <a:xfrm>
            <a:off x="3447028" y="3074400"/>
            <a:ext cx="1164357" cy="104792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899592" y="640904"/>
            <a:ext cx="6408712" cy="562847"/>
          </a:xfrm>
          <a:prstGeom prst="rect">
            <a:avLst/>
          </a:prstGeom>
        </p:spPr>
        <p:txBody>
          <a:bodyPr lIns="182880" tIns="91440" bIns="9144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600" b="0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enefits</a:t>
            </a:r>
            <a:r>
              <a:rPr lang="th-TH" dirty="0" smtClean="0"/>
              <a:t> </a:t>
            </a:r>
            <a:r>
              <a:rPr lang="en-US" dirty="0" smtClean="0"/>
              <a:t>to Businesses</a:t>
            </a:r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95" hasCustomPrompt="1"/>
          </p:nvPr>
        </p:nvSpPr>
        <p:spPr>
          <a:xfrm>
            <a:off x="1243584" y="1061528"/>
            <a:ext cx="7344816" cy="502110"/>
          </a:xfrm>
          <a:prstGeom prst="rect">
            <a:avLst/>
          </a:prstGeom>
        </p:spPr>
        <p:txBody>
          <a:bodyPr lIns="128016" tIns="91440" bIns="91440" anchor="ctr"/>
          <a:lstStyle>
            <a:lvl1pPr marL="0" indent="0" algn="l">
              <a:spcBef>
                <a:spcPts val="0"/>
              </a:spcBef>
              <a:buNone/>
              <a:defRPr sz="24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he Situation</a:t>
            </a:r>
            <a:r>
              <a:rPr lang="th-TH" dirty="0" smtClean="0"/>
              <a:t> </a:t>
            </a:r>
            <a:r>
              <a:rPr lang="en-US" dirty="0" smtClean="0"/>
              <a:t>in the Country is more stable.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96" hasCustomPrompt="1"/>
          </p:nvPr>
        </p:nvSpPr>
        <p:spPr>
          <a:xfrm>
            <a:off x="930439" y="1079816"/>
            <a:ext cx="504056" cy="381736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1600" b="0" spc="0" baseline="0">
                <a:solidFill>
                  <a:srgbClr val="97CDC5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f </a:t>
            </a:r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899592" y="750632"/>
            <a:ext cx="0" cy="6858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 userDrawn="1"/>
        </p:nvCxnSpPr>
        <p:spPr>
          <a:xfrm>
            <a:off x="3350954" y="1995686"/>
            <a:ext cx="0" cy="216024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97" hasCustomPrompt="1"/>
          </p:nvPr>
        </p:nvSpPr>
        <p:spPr>
          <a:xfrm>
            <a:off x="902682" y="1995686"/>
            <a:ext cx="244827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sz="13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Retail </a:t>
            </a:r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5868144" y="1995686"/>
            <a:ext cx="0" cy="216024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27"/>
          <p:cNvSpPr>
            <a:spLocks noGrp="1"/>
          </p:cNvSpPr>
          <p:nvPr>
            <p:ph type="body" sz="quarter" idx="98" hasCustomPrompt="1"/>
          </p:nvPr>
        </p:nvSpPr>
        <p:spPr>
          <a:xfrm>
            <a:off x="3350955" y="1995686"/>
            <a:ext cx="244827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300" b="0" i="0" smtClean="0">
                <a:solidFill>
                  <a:srgbClr val="7F7F7F"/>
                </a:solidFill>
                <a:effectLst/>
                <a:latin typeface="+mj-lt"/>
              </a:defRPr>
            </a:lvl1pPr>
          </a:lstStyle>
          <a:p>
            <a:r>
              <a:rPr lang="en-US" dirty="0" smtClean="0"/>
              <a:t>Foreign Tourists</a:t>
            </a:r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99" hasCustomPrompt="1"/>
          </p:nvPr>
        </p:nvSpPr>
        <p:spPr>
          <a:xfrm>
            <a:off x="5868144" y="1995686"/>
            <a:ext cx="244827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300" b="0" i="0" smtClean="0">
                <a:solidFill>
                  <a:srgbClr val="7F7F7F"/>
                </a:solidFill>
                <a:effectLst/>
                <a:latin typeface="+mj-lt"/>
              </a:defRPr>
            </a:lvl1pPr>
          </a:lstStyle>
          <a:p>
            <a:r>
              <a:rPr lang="en-US" dirty="0" smtClean="0"/>
              <a:t>Wholesale</a:t>
            </a:r>
          </a:p>
        </p:txBody>
      </p:sp>
      <p:sp>
        <p:nvSpPr>
          <p:cNvPr id="24" name="Rectangle 23"/>
          <p:cNvSpPr/>
          <p:nvPr userDrawn="1"/>
        </p:nvSpPr>
        <p:spPr>
          <a:xfrm>
            <a:off x="1043609" y="4083918"/>
            <a:ext cx="2161174" cy="72008"/>
          </a:xfrm>
          <a:prstGeom prst="rect">
            <a:avLst/>
          </a:prstGeom>
          <a:solidFill>
            <a:srgbClr val="E3E1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" name="Rectangle 24"/>
          <p:cNvSpPr/>
          <p:nvPr userDrawn="1"/>
        </p:nvSpPr>
        <p:spPr>
          <a:xfrm>
            <a:off x="3551225" y="4083918"/>
            <a:ext cx="2161174" cy="72008"/>
          </a:xfrm>
          <a:prstGeom prst="rect">
            <a:avLst/>
          </a:prstGeom>
          <a:solidFill>
            <a:srgbClr val="E3E1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Rectangle 25"/>
          <p:cNvSpPr/>
          <p:nvPr userDrawn="1"/>
        </p:nvSpPr>
        <p:spPr>
          <a:xfrm>
            <a:off x="6058841" y="4083918"/>
            <a:ext cx="2161174" cy="72008"/>
          </a:xfrm>
          <a:prstGeom prst="rect">
            <a:avLst/>
          </a:prstGeom>
          <a:solidFill>
            <a:srgbClr val="E3E1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1907704" y="4299942"/>
            <a:ext cx="940013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100" b="0" i="0" smtClean="0">
                <a:effectLst/>
              </a:defRPr>
            </a:lvl1pPr>
          </a:lstStyle>
          <a:p>
            <a:r>
              <a:rPr lang="en-US" dirty="0" smtClean="0"/>
              <a:t>1H14F</a:t>
            </a:r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48" hasCustomPrompt="1"/>
          </p:nvPr>
        </p:nvSpPr>
        <p:spPr>
          <a:xfrm>
            <a:off x="2914519" y="4299942"/>
            <a:ext cx="798591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100" b="0" i="0" smtClean="0">
                <a:effectLst/>
              </a:defRPr>
            </a:lvl1pPr>
          </a:lstStyle>
          <a:p>
            <a:r>
              <a:rPr lang="en-US" dirty="0" smtClean="0"/>
              <a:t>2H14F</a:t>
            </a:r>
          </a:p>
        </p:txBody>
      </p:sp>
      <p:sp>
        <p:nvSpPr>
          <p:cNvPr id="47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3569093" y="4299942"/>
            <a:ext cx="4368095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900" b="0" i="0" smtClean="0">
                <a:solidFill>
                  <a:schemeClr val="bg1">
                    <a:lumMod val="65000"/>
                  </a:schemeClr>
                </a:solidFill>
                <a:effectLst/>
              </a:defRPr>
            </a:lvl1pPr>
          </a:lstStyle>
          <a:p>
            <a:r>
              <a:rPr lang="en-US" dirty="0" smtClean="0"/>
              <a:t>Note : Add text</a:t>
            </a:r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151" hasCustomPrompt="1"/>
          </p:nvPr>
        </p:nvSpPr>
        <p:spPr>
          <a:xfrm>
            <a:off x="5974033" y="3074400"/>
            <a:ext cx="1164357" cy="104792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4919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350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750"/>
                            </p:stCondLst>
                            <p:childTnLst>
                              <p:par>
                                <p:cTn id="23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750"/>
                            </p:stCondLst>
                            <p:childTnLst>
                              <p:par>
                                <p:cTn id="31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2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675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500"/>
                            </p:stCondLst>
                            <p:childTnLst>
                              <p:par>
                                <p:cTn id="49" presetID="9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9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4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9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/>
      <p:bldP spid="28" grpId="0"/>
      <p:bldP spid="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animBg="1"/>
      <p:bldP spid="25" grpId="0" animBg="1"/>
      <p:bldP spid="26" grpId="0" animBg="1"/>
      <p:bldP spid="29" grpId="0"/>
    </p:bldLst>
  </p:timing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357227" y="915566"/>
            <a:ext cx="475351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347864" y="486000"/>
            <a:ext cx="477575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COMPARISON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917926" y="1453804"/>
            <a:ext cx="7338952" cy="397866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5940152" y="2067694"/>
            <a:ext cx="432048" cy="208823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8" name="Rectangle 7"/>
          <p:cNvSpPr/>
          <p:nvPr userDrawn="1"/>
        </p:nvSpPr>
        <p:spPr>
          <a:xfrm>
            <a:off x="5148064" y="2067695"/>
            <a:ext cx="432048" cy="208823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rgbClr val="F48672"/>
              </a:solidFill>
            </a:endParaRPr>
          </a:p>
        </p:txBody>
      </p:sp>
      <p:sp>
        <p:nvSpPr>
          <p:cNvPr id="9" name="Rectangle 8"/>
          <p:cNvSpPr/>
          <p:nvPr userDrawn="1"/>
        </p:nvSpPr>
        <p:spPr>
          <a:xfrm>
            <a:off x="4355976" y="2067694"/>
            <a:ext cx="432048" cy="208823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69"/>
          </p:nvPr>
        </p:nvSpPr>
        <p:spPr>
          <a:xfrm>
            <a:off x="7092281" y="2380124"/>
            <a:ext cx="1512168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70"/>
          </p:nvPr>
        </p:nvSpPr>
        <p:spPr>
          <a:xfrm>
            <a:off x="7092280" y="2740164"/>
            <a:ext cx="1512168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71"/>
          </p:nvPr>
        </p:nvSpPr>
        <p:spPr>
          <a:xfrm>
            <a:off x="7092280" y="3100204"/>
            <a:ext cx="1512168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4211960" y="4155926"/>
            <a:ext cx="2304256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30"/>
          <p:cNvSpPr>
            <a:spLocks noGrp="1"/>
          </p:cNvSpPr>
          <p:nvPr>
            <p:ph type="body" sz="quarter" idx="172"/>
          </p:nvPr>
        </p:nvSpPr>
        <p:spPr>
          <a:xfrm>
            <a:off x="4211960" y="4227934"/>
            <a:ext cx="720080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ctr">
              <a:buNone/>
              <a:defRPr sz="9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73"/>
          </p:nvPr>
        </p:nvSpPr>
        <p:spPr>
          <a:xfrm>
            <a:off x="5004048" y="4227934"/>
            <a:ext cx="720080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ctr">
              <a:buNone/>
              <a:defRPr sz="9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74"/>
          </p:nvPr>
        </p:nvSpPr>
        <p:spPr>
          <a:xfrm>
            <a:off x="5796136" y="4227934"/>
            <a:ext cx="720080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ctr">
              <a:buNone/>
              <a:defRPr sz="9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262556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8" grpId="0" animBg="1"/>
      <p:bldP spid="9" grpId="0" animBg="1"/>
    </p:bldLst>
  </p:timing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ext Placeholder 27"/>
          <p:cNvSpPr>
            <a:spLocks noGrp="1"/>
          </p:cNvSpPr>
          <p:nvPr>
            <p:ph type="body" sz="quarter" idx="98" hasCustomPrompt="1"/>
          </p:nvPr>
        </p:nvSpPr>
        <p:spPr>
          <a:xfrm>
            <a:off x="667512" y="1021770"/>
            <a:ext cx="7501995" cy="541868"/>
          </a:xfrm>
          <a:prstGeom prst="rect">
            <a:avLst/>
          </a:prstGeom>
        </p:spPr>
        <p:txBody>
          <a:bodyPr lIns="18288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4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SINESS WITH VARIOUS DEVICES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99" hasCustomPrompt="1"/>
          </p:nvPr>
        </p:nvSpPr>
        <p:spPr>
          <a:xfrm>
            <a:off x="685799" y="610907"/>
            <a:ext cx="7483707" cy="440540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3400" b="1" spc="-100" baseline="0">
                <a:solidFill>
                  <a:srgbClr val="595959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O ACCESS</a:t>
            </a:r>
          </a:p>
        </p:txBody>
      </p:sp>
      <p:sp>
        <p:nvSpPr>
          <p:cNvPr id="122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4704557" y="2599717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obile Phone</a:t>
            </a:r>
            <a:endParaRPr lang="en-US" dirty="0"/>
          </a:p>
        </p:txBody>
      </p:sp>
      <p:sp>
        <p:nvSpPr>
          <p:cNvPr id="128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4877828" y="2279692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52" name="Group 51"/>
          <p:cNvGrpSpPr/>
          <p:nvPr userDrawn="1"/>
        </p:nvGrpSpPr>
        <p:grpSpPr>
          <a:xfrm rot="5400000">
            <a:off x="4203889" y="3310889"/>
            <a:ext cx="1895402" cy="317432"/>
            <a:chOff x="1542367" y="2610272"/>
            <a:chExt cx="1756062" cy="238944"/>
          </a:xfrm>
        </p:grpSpPr>
        <p:sp>
          <p:nvSpPr>
            <p:cNvPr id="53" name="Rounded Rectangle 5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4" name="Rounded Rectangle 5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5" name="Rounded Rectangle 5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6" name="Rounded Rectangle 5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Rounded Rectangle 5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Rounded Rectangle 5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9" name="Rounded Rectangle 5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0" name="Rounded Rectangle 5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1" name="Rounded Rectangle 6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2" name="Rounded Rectangle 6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96" name="Text Placeholder 27"/>
          <p:cNvSpPr>
            <a:spLocks noGrp="1"/>
          </p:cNvSpPr>
          <p:nvPr>
            <p:ph type="body" sz="quarter" idx="118" hasCustomPrompt="1"/>
          </p:nvPr>
        </p:nvSpPr>
        <p:spPr>
          <a:xfrm>
            <a:off x="5445535" y="2599717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Notebook</a:t>
            </a:r>
          </a:p>
          <a:p>
            <a:pPr lvl="0"/>
            <a:endParaRPr lang="en-US" dirty="0"/>
          </a:p>
        </p:txBody>
      </p:sp>
      <p:sp>
        <p:nvSpPr>
          <p:cNvPr id="97" name="Text Placeholder 27"/>
          <p:cNvSpPr>
            <a:spLocks noGrp="1"/>
          </p:cNvSpPr>
          <p:nvPr>
            <p:ph type="body" sz="quarter" idx="119" hasCustomPrompt="1"/>
          </p:nvPr>
        </p:nvSpPr>
        <p:spPr>
          <a:xfrm>
            <a:off x="5618806" y="2279692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98" name="Group 97"/>
          <p:cNvGrpSpPr/>
          <p:nvPr userDrawn="1"/>
        </p:nvGrpSpPr>
        <p:grpSpPr>
          <a:xfrm rot="5400000">
            <a:off x="4944867" y="3310889"/>
            <a:ext cx="1895402" cy="317432"/>
            <a:chOff x="1542367" y="2610272"/>
            <a:chExt cx="1756062" cy="238944"/>
          </a:xfrm>
        </p:grpSpPr>
        <p:sp>
          <p:nvSpPr>
            <p:cNvPr id="99" name="Rounded Rectangle 98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0" name="Rounded Rectangle 99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1" name="Rounded Rectangle 100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2" name="Rounded Rectangle 101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3" name="Rounded Rectangle 102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4" name="Rounded Rectangle 103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5" name="Rounded Rectangle 104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6" name="Rounded Rectangle 105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7" name="Rounded Rectangle 106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8" name="Rounded Rectangle 107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09" name="Text Placeholder 27"/>
          <p:cNvSpPr>
            <a:spLocks noGrp="1"/>
          </p:cNvSpPr>
          <p:nvPr>
            <p:ph type="body" sz="quarter" idx="120" hasCustomPrompt="1"/>
          </p:nvPr>
        </p:nvSpPr>
        <p:spPr>
          <a:xfrm>
            <a:off x="6186513" y="2599717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Pad</a:t>
            </a:r>
            <a:endParaRPr lang="en-US" dirty="0"/>
          </a:p>
        </p:txBody>
      </p:sp>
      <p:sp>
        <p:nvSpPr>
          <p:cNvPr id="110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6359784" y="2279692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111" name="Group 110"/>
          <p:cNvGrpSpPr/>
          <p:nvPr userDrawn="1"/>
        </p:nvGrpSpPr>
        <p:grpSpPr>
          <a:xfrm rot="5400000">
            <a:off x="5685845" y="3310889"/>
            <a:ext cx="1895402" cy="317432"/>
            <a:chOff x="1542367" y="2610272"/>
            <a:chExt cx="1756062" cy="238944"/>
          </a:xfrm>
        </p:grpSpPr>
        <p:sp>
          <p:nvSpPr>
            <p:cNvPr id="112" name="Rounded Rectangle 11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3" name="Rounded Rectangle 11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4" name="Rounded Rectangle 11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5" name="Rounded Rectangle 11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6" name="Rounded Rectangle 11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7" name="Rounded Rectangle 11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9" name="Rounded Rectangle 11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5" name="Rounded Rectangle 124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6" name="Rounded Rectangle 125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7" name="Rounded Rectangle 126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57" name="Text Placeholder 27"/>
          <p:cNvSpPr>
            <a:spLocks noGrp="1"/>
          </p:cNvSpPr>
          <p:nvPr>
            <p:ph type="body" sz="quarter" idx="122" hasCustomPrompt="1"/>
          </p:nvPr>
        </p:nvSpPr>
        <p:spPr>
          <a:xfrm>
            <a:off x="6927491" y="2599717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esktop PC</a:t>
            </a:r>
            <a:endParaRPr lang="en-US" dirty="0"/>
          </a:p>
        </p:txBody>
      </p:sp>
      <p:sp>
        <p:nvSpPr>
          <p:cNvPr id="158" name="Text Placeholder 27"/>
          <p:cNvSpPr>
            <a:spLocks noGrp="1"/>
          </p:cNvSpPr>
          <p:nvPr>
            <p:ph type="body" sz="quarter" idx="123" hasCustomPrompt="1"/>
          </p:nvPr>
        </p:nvSpPr>
        <p:spPr>
          <a:xfrm>
            <a:off x="7100762" y="2279692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161" name="Group 160"/>
          <p:cNvGrpSpPr/>
          <p:nvPr userDrawn="1"/>
        </p:nvGrpSpPr>
        <p:grpSpPr>
          <a:xfrm rot="5400000">
            <a:off x="6426823" y="3310889"/>
            <a:ext cx="1895402" cy="317432"/>
            <a:chOff x="1542367" y="2610272"/>
            <a:chExt cx="1756062" cy="238944"/>
          </a:xfrm>
        </p:grpSpPr>
        <p:sp>
          <p:nvSpPr>
            <p:cNvPr id="162" name="Rounded Rectangle 16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3" name="Rounded Rectangle 16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4" name="Rounded Rectangle 16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5" name="Rounded Rectangle 16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6" name="Rounded Rectangle 16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7" name="Rounded Rectangle 16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8" name="Rounded Rectangle 16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9" name="Rounded Rectangle 16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0" name="Rounded Rectangle 169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1" name="Rounded Rectangle 170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72" name="Text Placeholder 27"/>
          <p:cNvSpPr>
            <a:spLocks noGrp="1"/>
          </p:cNvSpPr>
          <p:nvPr>
            <p:ph type="body" sz="quarter" idx="124" hasCustomPrompt="1"/>
          </p:nvPr>
        </p:nvSpPr>
        <p:spPr>
          <a:xfrm>
            <a:off x="7669224" y="2599718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ther</a:t>
            </a:r>
            <a:endParaRPr lang="en-US" dirty="0"/>
          </a:p>
        </p:txBody>
      </p:sp>
      <p:sp>
        <p:nvSpPr>
          <p:cNvPr id="173" name="Text Placeholder 27"/>
          <p:cNvSpPr>
            <a:spLocks noGrp="1"/>
          </p:cNvSpPr>
          <p:nvPr>
            <p:ph type="body" sz="quarter" idx="125" hasCustomPrompt="1"/>
          </p:nvPr>
        </p:nvSpPr>
        <p:spPr>
          <a:xfrm>
            <a:off x="7842495" y="2279693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174" name="Group 173"/>
          <p:cNvGrpSpPr/>
          <p:nvPr userDrawn="1"/>
        </p:nvGrpSpPr>
        <p:grpSpPr>
          <a:xfrm rot="5400000">
            <a:off x="7168556" y="3310890"/>
            <a:ext cx="1895402" cy="317432"/>
            <a:chOff x="1542367" y="2610272"/>
            <a:chExt cx="1756062" cy="238944"/>
          </a:xfrm>
        </p:grpSpPr>
        <p:sp>
          <p:nvSpPr>
            <p:cNvPr id="175" name="Rounded Rectangle 174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6" name="Rounded Rectangle 175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7" name="Rounded Rectangle 176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8" name="Rounded Rectangle 177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9" name="Rounded Rectangle 178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0" name="Rounded Rectangle 17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1" name="Rounded Rectangle 18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2" name="Rounded Rectangle 18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3" name="Rounded Rectangle 182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4" name="Rounded Rectangle 183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8" name="Chart Placeholder 7"/>
          <p:cNvSpPr>
            <a:spLocks noGrp="1"/>
          </p:cNvSpPr>
          <p:nvPr>
            <p:ph type="chart" sz="quarter" idx="126"/>
          </p:nvPr>
        </p:nvSpPr>
        <p:spPr>
          <a:xfrm>
            <a:off x="611188" y="1922561"/>
            <a:ext cx="3744912" cy="266541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4427984" y="2498493"/>
            <a:ext cx="0" cy="1918814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Picture Placeholder 6"/>
          <p:cNvSpPr>
            <a:spLocks noGrp="1"/>
          </p:cNvSpPr>
          <p:nvPr>
            <p:ph type="pic" sz="quarter" idx="100" hasCustomPrompt="1"/>
          </p:nvPr>
        </p:nvSpPr>
        <p:spPr>
          <a:xfrm>
            <a:off x="4844562" y="1715252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7" name="Picture Placeholder 6"/>
          <p:cNvSpPr>
            <a:spLocks noGrp="1"/>
          </p:cNvSpPr>
          <p:nvPr>
            <p:ph type="pic" sz="quarter" idx="127" hasCustomPrompt="1"/>
          </p:nvPr>
        </p:nvSpPr>
        <p:spPr>
          <a:xfrm>
            <a:off x="5589085" y="1719072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8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6326518" y="1717904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9" name="Picture Placeholder 6"/>
          <p:cNvSpPr>
            <a:spLocks noGrp="1"/>
          </p:cNvSpPr>
          <p:nvPr>
            <p:ph type="pic" sz="quarter" idx="129" hasCustomPrompt="1"/>
          </p:nvPr>
        </p:nvSpPr>
        <p:spPr>
          <a:xfrm>
            <a:off x="7071041" y="1715251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0" name="Picture Placeholder 6"/>
          <p:cNvSpPr>
            <a:spLocks noGrp="1"/>
          </p:cNvSpPr>
          <p:nvPr>
            <p:ph type="pic" sz="quarter" idx="130" hasCustomPrompt="1"/>
          </p:nvPr>
        </p:nvSpPr>
        <p:spPr>
          <a:xfrm>
            <a:off x="7815564" y="1715251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4591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750"/>
                            </p:stCondLst>
                            <p:childTnLst>
                              <p:par>
                                <p:cTn id="12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32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500"/>
                            </p:stCondLst>
                            <p:childTnLst>
                              <p:par>
                                <p:cTn id="46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8" dur="500"/>
                                        <p:tgtEl>
                                          <p:spTgt spid="1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250"/>
                            </p:stCondLst>
                            <p:childTnLst>
                              <p:par>
                                <p:cTn id="53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5" dur="500"/>
                                        <p:tgtEl>
                                          <p:spTgt spid="9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7000"/>
                            </p:stCondLst>
                            <p:childTnLst>
                              <p:par>
                                <p:cTn id="60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2" dur="500"/>
                                        <p:tgtEl>
                                          <p:spTgt spid="10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7750"/>
                            </p:stCondLst>
                            <p:childTnLst>
                              <p:par>
                                <p:cTn id="67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9" dur="500"/>
                                        <p:tgtEl>
                                          <p:spTgt spid="1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3" fill="hold">
                            <p:stCondLst>
                              <p:cond delay="8500"/>
                            </p:stCondLst>
                            <p:childTnLst>
                              <p:par>
                                <p:cTn id="74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6" dur="500"/>
                                        <p:tgtEl>
                                          <p:spTgt spid="17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2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6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9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9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0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7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2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7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/>
      <p:bldP spid="76" grpId="0"/>
      <p:bldP spid="77" grpId="0"/>
      <p:bldP spid="78" grpId="0"/>
      <p:bldP spid="79" grpId="0"/>
      <p:bldP spid="80" grpId="0"/>
    </p:bldLst>
  </p:timing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7" y="915566"/>
            <a:ext cx="41801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DGET 2014</a:t>
            </a:r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486000"/>
            <a:ext cx="4199692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HECK LIST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30"/>
          <p:cNvSpPr>
            <a:spLocks noGrp="1"/>
          </p:cNvSpPr>
          <p:nvPr>
            <p:ph type="body" sz="quarter" idx="95" hasCustomPrompt="1"/>
          </p:nvPr>
        </p:nvSpPr>
        <p:spPr>
          <a:xfrm>
            <a:off x="5364088" y="1640307"/>
            <a:ext cx="2520280" cy="283371"/>
          </a:xfrm>
          <a:prstGeom prst="rect">
            <a:avLst/>
          </a:prstGeom>
        </p:spPr>
        <p:txBody>
          <a:bodyPr lIns="36000" tIns="0" rIns="36000" bIns="0" anchor="ctr" anchorCtr="0"/>
          <a:lstStyle>
            <a:lvl1pPr marL="0" indent="0" algn="l">
              <a:lnSpc>
                <a:spcPct val="70000"/>
              </a:lnSpc>
              <a:buNone/>
              <a:defRPr sz="14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HINGS YOU CAN’T CONTROL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96" hasCustomPrompt="1"/>
          </p:nvPr>
        </p:nvSpPr>
        <p:spPr>
          <a:xfrm>
            <a:off x="1619672" y="1635646"/>
            <a:ext cx="2232248" cy="283371"/>
          </a:xfrm>
          <a:prstGeom prst="rect">
            <a:avLst/>
          </a:prstGeom>
        </p:spPr>
        <p:txBody>
          <a:bodyPr lIns="36000" tIns="0" rIns="36000" bIns="0" anchor="ctr" anchorCtr="0"/>
          <a:lstStyle>
            <a:lvl1pPr marL="0" indent="0" algn="r">
              <a:lnSpc>
                <a:spcPct val="70000"/>
              </a:lnSpc>
              <a:buNone/>
              <a:defRPr sz="14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HINGS YOU CAN CONTROL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98" hasCustomPrompt="1"/>
          </p:nvPr>
        </p:nvSpPr>
        <p:spPr>
          <a:xfrm>
            <a:off x="1259632" y="2211710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EOPLE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99" hasCustomPrompt="1"/>
          </p:nvPr>
        </p:nvSpPr>
        <p:spPr>
          <a:xfrm>
            <a:off x="1259632" y="2617654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ECHNOLOGY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01" hasCustomPrompt="1"/>
          </p:nvPr>
        </p:nvSpPr>
        <p:spPr>
          <a:xfrm>
            <a:off x="1259632" y="3435846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ABOR / MATERIALS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02" hasCustomPrompt="1"/>
          </p:nvPr>
        </p:nvSpPr>
        <p:spPr>
          <a:xfrm>
            <a:off x="1259631" y="3817800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ESIGN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03" hasCustomPrompt="1"/>
          </p:nvPr>
        </p:nvSpPr>
        <p:spPr>
          <a:xfrm>
            <a:off x="1259631" y="4227935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ELLING</a:t>
            </a:r>
          </a:p>
        </p:txBody>
      </p:sp>
      <p:cxnSp>
        <p:nvCxnSpPr>
          <p:cNvPr id="17" name="Elbow Connector 16"/>
          <p:cNvCxnSpPr>
            <a:endCxn id="11" idx="3"/>
          </p:cNvCxnSpPr>
          <p:nvPr userDrawn="1"/>
        </p:nvCxnSpPr>
        <p:spPr>
          <a:xfrm rot="10800000">
            <a:off x="2555777" y="2319723"/>
            <a:ext cx="1637495" cy="349955"/>
          </a:xfrm>
          <a:prstGeom prst="bentConnector3">
            <a:avLst>
              <a:gd name="adj1" fmla="val 27398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Elbow Connector 17"/>
          <p:cNvCxnSpPr>
            <a:endCxn id="12" idx="3"/>
          </p:cNvCxnSpPr>
          <p:nvPr userDrawn="1"/>
        </p:nvCxnSpPr>
        <p:spPr>
          <a:xfrm rot="10800000" flipV="1">
            <a:off x="2555777" y="2494698"/>
            <a:ext cx="1637431" cy="230967"/>
          </a:xfrm>
          <a:prstGeom prst="bentConnector3">
            <a:avLst>
              <a:gd name="adj1" fmla="val 69944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/>
          <p:cNvCxnSpPr>
            <a:stCxn id="7" idx="1"/>
            <a:endCxn id="31" idx="3"/>
          </p:cNvCxnSpPr>
          <p:nvPr userDrawn="1"/>
        </p:nvCxnSpPr>
        <p:spPr>
          <a:xfrm rot="10800000" flipV="1">
            <a:off x="2555777" y="3011626"/>
            <a:ext cx="1637429" cy="172192"/>
          </a:xfrm>
          <a:prstGeom prst="bentConnector3">
            <a:avLst>
              <a:gd name="adj1" fmla="val 50000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Elbow Connector 19"/>
          <p:cNvCxnSpPr>
            <a:endCxn id="14" idx="3"/>
          </p:cNvCxnSpPr>
          <p:nvPr userDrawn="1"/>
        </p:nvCxnSpPr>
        <p:spPr>
          <a:xfrm rot="10800000">
            <a:off x="2555777" y="3543858"/>
            <a:ext cx="1840205" cy="180020"/>
          </a:xfrm>
          <a:prstGeom prst="bentConnector3">
            <a:avLst>
              <a:gd name="adj1" fmla="val 50000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endCxn id="15" idx="3"/>
          </p:cNvCxnSpPr>
          <p:nvPr userDrawn="1"/>
        </p:nvCxnSpPr>
        <p:spPr>
          <a:xfrm rot="10800000" flipV="1">
            <a:off x="2555776" y="3363838"/>
            <a:ext cx="1637495" cy="561974"/>
          </a:xfrm>
          <a:prstGeom prst="bentConnector3">
            <a:avLst>
              <a:gd name="adj1" fmla="val 59972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Elbow Connector 21"/>
          <p:cNvCxnSpPr>
            <a:endCxn id="16" idx="3"/>
          </p:cNvCxnSpPr>
          <p:nvPr userDrawn="1"/>
        </p:nvCxnSpPr>
        <p:spPr>
          <a:xfrm rot="10800000" flipV="1">
            <a:off x="2555775" y="4083917"/>
            <a:ext cx="1845520" cy="252029"/>
          </a:xfrm>
          <a:prstGeom prst="bentConnector3">
            <a:avLst>
              <a:gd name="adj1" fmla="val 43807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 Placeholder 30"/>
          <p:cNvSpPr>
            <a:spLocks noGrp="1"/>
          </p:cNvSpPr>
          <p:nvPr>
            <p:ph type="body" sz="quarter" idx="104" hasCustomPrompt="1"/>
          </p:nvPr>
        </p:nvSpPr>
        <p:spPr>
          <a:xfrm>
            <a:off x="6660231" y="2211710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OLICY RISK</a:t>
            </a:r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05" hasCustomPrompt="1"/>
          </p:nvPr>
        </p:nvSpPr>
        <p:spPr>
          <a:xfrm>
            <a:off x="6660230" y="2715766"/>
            <a:ext cx="1296144" cy="49137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NSUMER</a:t>
            </a:r>
          </a:p>
          <a:p>
            <a:pPr lvl="0"/>
            <a:r>
              <a:rPr lang="en-US" dirty="0" smtClean="0"/>
              <a:t>CONFIDENCE</a:t>
            </a:r>
          </a:p>
          <a:p>
            <a:pPr lvl="0"/>
            <a:r>
              <a:rPr lang="en-US" dirty="0" smtClean="0"/>
              <a:t>RISK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06" hasCustomPrompt="1"/>
          </p:nvPr>
        </p:nvSpPr>
        <p:spPr>
          <a:xfrm>
            <a:off x="6660232" y="3435847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VALUATION RISK</a:t>
            </a:r>
          </a:p>
        </p:txBody>
      </p:sp>
      <p:sp>
        <p:nvSpPr>
          <p:cNvPr id="26" name="Text Placeholder 30"/>
          <p:cNvSpPr>
            <a:spLocks noGrp="1"/>
          </p:cNvSpPr>
          <p:nvPr>
            <p:ph type="body" sz="quarter" idx="107" hasCustomPrompt="1"/>
          </p:nvPr>
        </p:nvSpPr>
        <p:spPr>
          <a:xfrm>
            <a:off x="6660230" y="3876280"/>
            <a:ext cx="1296144" cy="49567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9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COME AND DEMOGRAPHICS RISK</a:t>
            </a:r>
          </a:p>
        </p:txBody>
      </p:sp>
      <p:cxnSp>
        <p:nvCxnSpPr>
          <p:cNvPr id="27" name="Elbow Connector 26"/>
          <p:cNvCxnSpPr>
            <a:endCxn id="23" idx="1"/>
          </p:cNvCxnSpPr>
          <p:nvPr userDrawn="1"/>
        </p:nvCxnSpPr>
        <p:spPr>
          <a:xfrm flipV="1">
            <a:off x="5004048" y="2319722"/>
            <a:ext cx="1656183" cy="1224136"/>
          </a:xfrm>
          <a:prstGeom prst="bentConnector3">
            <a:avLst>
              <a:gd name="adj1" fmla="val 50000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Elbow Connector 27"/>
          <p:cNvCxnSpPr/>
          <p:nvPr userDrawn="1"/>
        </p:nvCxnSpPr>
        <p:spPr>
          <a:xfrm>
            <a:off x="5004048" y="2494699"/>
            <a:ext cx="1656182" cy="466757"/>
          </a:xfrm>
          <a:prstGeom prst="bentConnector3">
            <a:avLst>
              <a:gd name="adj1" fmla="val 27414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Elbow Connector 28"/>
          <p:cNvCxnSpPr>
            <a:endCxn id="25" idx="1"/>
          </p:cNvCxnSpPr>
          <p:nvPr userDrawn="1"/>
        </p:nvCxnSpPr>
        <p:spPr>
          <a:xfrm>
            <a:off x="5004048" y="3143117"/>
            <a:ext cx="1656184" cy="400742"/>
          </a:xfrm>
          <a:prstGeom prst="bentConnector3">
            <a:avLst>
              <a:gd name="adj1" fmla="val 75723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Elbow Connector 29"/>
          <p:cNvCxnSpPr>
            <a:endCxn id="26" idx="1"/>
          </p:cNvCxnSpPr>
          <p:nvPr userDrawn="1"/>
        </p:nvCxnSpPr>
        <p:spPr>
          <a:xfrm>
            <a:off x="4788024" y="3925813"/>
            <a:ext cx="1872206" cy="198302"/>
          </a:xfrm>
          <a:prstGeom prst="bentConnector3">
            <a:avLst>
              <a:gd name="adj1" fmla="val 19475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 Placeholder 30"/>
          <p:cNvSpPr>
            <a:spLocks noGrp="1"/>
          </p:cNvSpPr>
          <p:nvPr>
            <p:ph type="body" sz="quarter" idx="108" hasCustomPrompt="1"/>
          </p:nvPr>
        </p:nvSpPr>
        <p:spPr>
          <a:xfrm>
            <a:off x="1259632" y="3075806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OTS</a:t>
            </a:r>
          </a:p>
        </p:txBody>
      </p:sp>
      <p:grpSp>
        <p:nvGrpSpPr>
          <p:cNvPr id="32" name="Group 31"/>
          <p:cNvGrpSpPr/>
          <p:nvPr userDrawn="1"/>
        </p:nvGrpSpPr>
        <p:grpSpPr>
          <a:xfrm>
            <a:off x="4215119" y="1635646"/>
            <a:ext cx="775616" cy="2765091"/>
            <a:chOff x="4211960" y="1779662"/>
            <a:chExt cx="720080" cy="2567105"/>
          </a:xfrm>
          <a:solidFill>
            <a:srgbClr val="73BCB1"/>
          </a:solidFill>
        </p:grpSpPr>
        <p:sp>
          <p:nvSpPr>
            <p:cNvPr id="33" name="Rounded Rectangle 32"/>
            <p:cNvSpPr/>
            <p:nvPr userDrawn="1"/>
          </p:nvSpPr>
          <p:spPr>
            <a:xfrm>
              <a:off x="4211960" y="2406976"/>
              <a:ext cx="720080" cy="1388910"/>
            </a:xfrm>
            <a:prstGeom prst="roundRect">
              <a:avLst>
                <a:gd name="adj" fmla="val 26745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4" name="Oval 33"/>
            <p:cNvSpPr/>
            <p:nvPr userDrawn="1"/>
          </p:nvSpPr>
          <p:spPr>
            <a:xfrm>
              <a:off x="4283968" y="1779662"/>
              <a:ext cx="576064" cy="576064"/>
            </a:xfrm>
            <a:prstGeom prst="ellips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5" name="Rectangle 10"/>
            <p:cNvSpPr/>
            <p:nvPr userDrawn="1"/>
          </p:nvSpPr>
          <p:spPr>
            <a:xfrm>
              <a:off x="4361309" y="3504406"/>
              <a:ext cx="421382" cy="842361"/>
            </a:xfrm>
            <a:custGeom>
              <a:avLst/>
              <a:gdLst>
                <a:gd name="connsiteX0" fmla="*/ 0 w 288032"/>
                <a:gd name="connsiteY0" fmla="*/ 0 h 851886"/>
                <a:gd name="connsiteX1" fmla="*/ 288032 w 288032"/>
                <a:gd name="connsiteY1" fmla="*/ 0 h 851886"/>
                <a:gd name="connsiteX2" fmla="*/ 288032 w 288032"/>
                <a:gd name="connsiteY2" fmla="*/ 851886 h 851886"/>
                <a:gd name="connsiteX3" fmla="*/ 0 w 288032"/>
                <a:gd name="connsiteY3" fmla="*/ 851886 h 851886"/>
                <a:gd name="connsiteX4" fmla="*/ 0 w 288032"/>
                <a:gd name="connsiteY4" fmla="*/ 0 h 851886"/>
                <a:gd name="connsiteX0" fmla="*/ 0 w 335657"/>
                <a:gd name="connsiteY0" fmla="*/ 0 h 851886"/>
                <a:gd name="connsiteX1" fmla="*/ 335657 w 335657"/>
                <a:gd name="connsiteY1" fmla="*/ 0 h 851886"/>
                <a:gd name="connsiteX2" fmla="*/ 335657 w 335657"/>
                <a:gd name="connsiteY2" fmla="*/ 851886 h 851886"/>
                <a:gd name="connsiteX3" fmla="*/ 47625 w 335657"/>
                <a:gd name="connsiteY3" fmla="*/ 851886 h 851886"/>
                <a:gd name="connsiteX4" fmla="*/ 0 w 335657"/>
                <a:gd name="connsiteY4" fmla="*/ 0 h 851886"/>
                <a:gd name="connsiteX0" fmla="*/ 0 w 392807"/>
                <a:gd name="connsiteY0" fmla="*/ 0 h 851886"/>
                <a:gd name="connsiteX1" fmla="*/ 392807 w 392807"/>
                <a:gd name="connsiteY1" fmla="*/ 0 h 851886"/>
                <a:gd name="connsiteX2" fmla="*/ 335657 w 392807"/>
                <a:gd name="connsiteY2" fmla="*/ 851886 h 851886"/>
                <a:gd name="connsiteX3" fmla="*/ 47625 w 392807"/>
                <a:gd name="connsiteY3" fmla="*/ 851886 h 851886"/>
                <a:gd name="connsiteX4" fmla="*/ 0 w 392807"/>
                <a:gd name="connsiteY4" fmla="*/ 0 h 851886"/>
                <a:gd name="connsiteX0" fmla="*/ 0 w 411857"/>
                <a:gd name="connsiteY0" fmla="*/ 9525 h 851886"/>
                <a:gd name="connsiteX1" fmla="*/ 411857 w 411857"/>
                <a:gd name="connsiteY1" fmla="*/ 0 h 851886"/>
                <a:gd name="connsiteX2" fmla="*/ 354707 w 411857"/>
                <a:gd name="connsiteY2" fmla="*/ 851886 h 851886"/>
                <a:gd name="connsiteX3" fmla="*/ 66675 w 411857"/>
                <a:gd name="connsiteY3" fmla="*/ 851886 h 851886"/>
                <a:gd name="connsiteX4" fmla="*/ 0 w 411857"/>
                <a:gd name="connsiteY4" fmla="*/ 9525 h 851886"/>
                <a:gd name="connsiteX0" fmla="*/ 0 w 421382"/>
                <a:gd name="connsiteY0" fmla="*/ 0 h 842361"/>
                <a:gd name="connsiteX1" fmla="*/ 421382 w 421382"/>
                <a:gd name="connsiteY1" fmla="*/ 0 h 842361"/>
                <a:gd name="connsiteX2" fmla="*/ 354707 w 421382"/>
                <a:gd name="connsiteY2" fmla="*/ 842361 h 842361"/>
                <a:gd name="connsiteX3" fmla="*/ 66675 w 421382"/>
                <a:gd name="connsiteY3" fmla="*/ 842361 h 842361"/>
                <a:gd name="connsiteX4" fmla="*/ 0 w 421382"/>
                <a:gd name="connsiteY4" fmla="*/ 0 h 8423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21382" h="842361">
                  <a:moveTo>
                    <a:pt x="0" y="0"/>
                  </a:moveTo>
                  <a:lnTo>
                    <a:pt x="421382" y="0"/>
                  </a:lnTo>
                  <a:lnTo>
                    <a:pt x="354707" y="842361"/>
                  </a:lnTo>
                  <a:lnTo>
                    <a:pt x="66675" y="842361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</p:spTree>
    <p:extLst>
      <p:ext uri="{BB962C8B-B14F-4D97-AF65-F5344CB8AC3E}">
        <p14:creationId xmlns:p14="http://schemas.microsoft.com/office/powerpoint/2010/main" val="1896272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750"/>
                            </p:stCondLst>
                            <p:childTnLst>
                              <p:par>
                                <p:cTn id="27" presetID="18" presetClass="entr" presetSubtype="12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29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75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6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600"/>
                            </p:stCondLst>
                            <p:childTnLst>
                              <p:par>
                                <p:cTn id="35" presetID="18" presetClass="entr" presetSubtype="6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37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760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6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8450"/>
                            </p:stCondLst>
                            <p:childTnLst>
                              <p:par>
                                <p:cTn id="43" presetID="18" presetClass="entr" presetSubtype="12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5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945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6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10300"/>
                            </p:stCondLst>
                            <p:childTnLst>
                              <p:par>
                                <p:cTn id="51" presetID="18" presetClass="entr" presetSubtype="6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53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1130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6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12150"/>
                            </p:stCondLst>
                            <p:childTnLst>
                              <p:par>
                                <p:cTn id="59" presetID="18" presetClass="entr" presetSubtype="9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61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131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6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14000"/>
                            </p:stCondLst>
                            <p:childTnLst>
                              <p:par>
                                <p:cTn id="67" presetID="18" presetClass="entr" presetSubtype="6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69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15000"/>
                            </p:stCondLst>
                            <p:childTnLst>
                              <p:par>
                                <p:cTn id="7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6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5850"/>
                            </p:stCondLst>
                            <p:childTnLst>
                              <p:par>
                                <p:cTn id="75" presetID="18" presetClass="entr" presetSubtype="12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77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16850"/>
                            </p:stCondLst>
                            <p:childTnLst>
                              <p:par>
                                <p:cTn id="7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6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17700"/>
                            </p:stCondLst>
                            <p:childTnLst>
                              <p:par>
                                <p:cTn id="83" presetID="18" presetClass="entr" presetSubtype="3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85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18700"/>
                            </p:stCondLst>
                            <p:childTnLst>
                              <p:par>
                                <p:cTn id="8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6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19550"/>
                            </p:stCondLst>
                            <p:childTnLst>
                              <p:par>
                                <p:cTn id="91" presetID="18" presetClass="entr" presetSubtype="9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93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4" fill="hold">
                            <p:stCondLst>
                              <p:cond delay="20550"/>
                            </p:stCondLst>
                            <p:childTnLst>
                              <p:par>
                                <p:cTn id="9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6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21400"/>
                            </p:stCondLst>
                            <p:childTnLst>
                              <p:par>
                                <p:cTn id="99" presetID="18" presetClass="entr" presetSubtype="12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101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22400"/>
                            </p:stCondLst>
                            <p:childTnLst>
                              <p:par>
                                <p:cTn id="10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600"/>
                                        <p:tgtEl>
                                          <p:spTgt spid="31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23250"/>
                            </p:stCondLst>
                            <p:childTnLst>
                              <p:par>
                                <p:cTn id="10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6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val 2"/>
          <p:cNvSpPr/>
          <p:nvPr userDrawn="1"/>
        </p:nvSpPr>
        <p:spPr>
          <a:xfrm>
            <a:off x="1115616" y="1635646"/>
            <a:ext cx="3096344" cy="3096344"/>
          </a:xfrm>
          <a:prstGeom prst="ellipse">
            <a:avLst/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IRCLE CHART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REATIVE INFOGRAPHIC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Oval 6"/>
          <p:cNvSpPr/>
          <p:nvPr userDrawn="1"/>
        </p:nvSpPr>
        <p:spPr>
          <a:xfrm>
            <a:off x="1421258" y="2256104"/>
            <a:ext cx="2502669" cy="2502669"/>
          </a:xfrm>
          <a:prstGeom prst="ellipse">
            <a:avLst/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Oval 8"/>
          <p:cNvSpPr/>
          <p:nvPr userDrawn="1"/>
        </p:nvSpPr>
        <p:spPr>
          <a:xfrm>
            <a:off x="1763688" y="2944368"/>
            <a:ext cx="1800200" cy="1800200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Text Placeholder 35"/>
          <p:cNvSpPr>
            <a:spLocks noGrp="1"/>
          </p:cNvSpPr>
          <p:nvPr>
            <p:ph type="body" sz="quarter" idx="244" hasCustomPrompt="1"/>
          </p:nvPr>
        </p:nvSpPr>
        <p:spPr>
          <a:xfrm>
            <a:off x="2267744" y="2499742"/>
            <a:ext cx="792088" cy="288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000%</a:t>
            </a:r>
            <a:endParaRPr lang="en-US" dirty="0"/>
          </a:p>
        </p:txBody>
      </p:sp>
      <p:sp>
        <p:nvSpPr>
          <p:cNvPr id="12" name="Text Placeholder 35"/>
          <p:cNvSpPr>
            <a:spLocks noGrp="1"/>
          </p:cNvSpPr>
          <p:nvPr>
            <p:ph type="body" sz="quarter" idx="245" hasCustomPrompt="1"/>
          </p:nvPr>
        </p:nvSpPr>
        <p:spPr>
          <a:xfrm>
            <a:off x="2267744" y="1851670"/>
            <a:ext cx="792088" cy="288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000%</a:t>
            </a:r>
            <a:endParaRPr lang="en-US" dirty="0"/>
          </a:p>
        </p:txBody>
      </p:sp>
      <p:sp>
        <p:nvSpPr>
          <p:cNvPr id="13" name="Text Placeholder 35"/>
          <p:cNvSpPr>
            <a:spLocks noGrp="1"/>
          </p:cNvSpPr>
          <p:nvPr>
            <p:ph type="body" sz="quarter" idx="246" hasCustomPrompt="1"/>
          </p:nvPr>
        </p:nvSpPr>
        <p:spPr>
          <a:xfrm>
            <a:off x="2267744" y="3291830"/>
            <a:ext cx="792088" cy="288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000%</a:t>
            </a:r>
            <a:endParaRPr lang="en-US" dirty="0"/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220" hasCustomPrompt="1"/>
          </p:nvPr>
        </p:nvSpPr>
        <p:spPr>
          <a:xfrm>
            <a:off x="5415552" y="1914516"/>
            <a:ext cx="656073" cy="5904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247" hasCustomPrompt="1"/>
          </p:nvPr>
        </p:nvSpPr>
        <p:spPr>
          <a:xfrm>
            <a:off x="5415552" y="2850620"/>
            <a:ext cx="656073" cy="5904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248" hasCustomPrompt="1"/>
          </p:nvPr>
        </p:nvSpPr>
        <p:spPr>
          <a:xfrm>
            <a:off x="5415552" y="3786724"/>
            <a:ext cx="656073" cy="5904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6207640" y="1928222"/>
            <a:ext cx="210312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207640" y="2074526"/>
            <a:ext cx="210877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249"/>
          </p:nvPr>
        </p:nvSpPr>
        <p:spPr>
          <a:xfrm>
            <a:off x="6207640" y="2860910"/>
            <a:ext cx="210312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3" name="Text Placeholder 30"/>
          <p:cNvSpPr>
            <a:spLocks noGrp="1"/>
          </p:cNvSpPr>
          <p:nvPr>
            <p:ph type="body" sz="quarter" idx="250"/>
          </p:nvPr>
        </p:nvSpPr>
        <p:spPr>
          <a:xfrm>
            <a:off x="6207640" y="3007214"/>
            <a:ext cx="210877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251"/>
          </p:nvPr>
        </p:nvSpPr>
        <p:spPr>
          <a:xfrm>
            <a:off x="6207640" y="3793598"/>
            <a:ext cx="210312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252"/>
          </p:nvPr>
        </p:nvSpPr>
        <p:spPr>
          <a:xfrm>
            <a:off x="6207640" y="3939902"/>
            <a:ext cx="210877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Rectangle 33"/>
          <p:cNvSpPr/>
          <p:nvPr userDrawn="1"/>
        </p:nvSpPr>
        <p:spPr>
          <a:xfrm>
            <a:off x="6156176" y="1975104"/>
            <a:ext cx="54864" cy="502920"/>
          </a:xfrm>
          <a:prstGeom prst="rect">
            <a:avLst/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Rectangle 34"/>
          <p:cNvSpPr/>
          <p:nvPr userDrawn="1"/>
        </p:nvSpPr>
        <p:spPr>
          <a:xfrm>
            <a:off x="6156176" y="2907792"/>
            <a:ext cx="54864" cy="502920"/>
          </a:xfrm>
          <a:prstGeom prst="rect">
            <a:avLst/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/>
          <p:cNvSpPr/>
          <p:nvPr userDrawn="1"/>
        </p:nvSpPr>
        <p:spPr>
          <a:xfrm>
            <a:off x="6156176" y="3840480"/>
            <a:ext cx="54864" cy="5029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4" name="Straight Connector 23"/>
          <p:cNvCxnSpPr/>
          <p:nvPr userDrawn="1"/>
        </p:nvCxnSpPr>
        <p:spPr>
          <a:xfrm>
            <a:off x="3491880" y="4083918"/>
            <a:ext cx="1800200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/>
          <p:cNvCxnSpPr/>
          <p:nvPr userDrawn="1"/>
        </p:nvCxnSpPr>
        <p:spPr>
          <a:xfrm>
            <a:off x="3851920" y="3147814"/>
            <a:ext cx="1440160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/>
          <p:cNvCxnSpPr/>
          <p:nvPr userDrawn="1"/>
        </p:nvCxnSpPr>
        <p:spPr>
          <a:xfrm>
            <a:off x="3923928" y="2283718"/>
            <a:ext cx="1368152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50832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6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6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6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11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6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6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6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6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6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6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48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100"/>
                            </p:stCondLst>
                            <p:childTnLst>
                              <p:par>
                                <p:cTn id="42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8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22" presetClass="entr" presetSubtype="8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7600"/>
                            </p:stCondLst>
                            <p:childTnLst>
                              <p:par>
                                <p:cTn id="5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8100"/>
                            </p:stCondLst>
                            <p:childTnLst>
                              <p:par>
                                <p:cTn id="5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8600"/>
                            </p:stCondLst>
                            <p:childTnLst>
                              <p:par>
                                <p:cTn id="6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9100"/>
                            </p:stCondLst>
                            <p:childTnLst>
                              <p:par>
                                <p:cTn id="70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7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9600"/>
                            </p:stCondLst>
                            <p:childTnLst>
                              <p:par>
                                <p:cTn id="8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3" fill="hold">
                            <p:stCondLst>
                              <p:cond delay="10100"/>
                            </p:stCondLst>
                            <p:childTnLst>
                              <p:par>
                                <p:cTn id="84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8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9" grpId="0" animBg="1"/>
      <p:bldP spid="1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/>
      <p:bldP spid="18" grpId="0"/>
      <p:bldP spid="19" grpId="0"/>
      <p:bldP spid="20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animBg="1"/>
      <p:bldP spid="35" grpId="0" animBg="1"/>
      <p:bldP spid="36" grpId="0" animBg="1"/>
    </p:bldLst>
  </p:timing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357227" y="915566"/>
            <a:ext cx="475351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347864" y="486000"/>
            <a:ext cx="477575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FOGRAPHIC LAYOUT</a:t>
            </a:r>
          </a:p>
        </p:txBody>
      </p:sp>
      <p:cxnSp>
        <p:nvCxnSpPr>
          <p:cNvPr id="27" name="Straight Connector 26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Text Placeholder 27"/>
          <p:cNvSpPr>
            <a:spLocks noGrp="1"/>
          </p:cNvSpPr>
          <p:nvPr>
            <p:ph type="body" sz="quarter" idx="249"/>
          </p:nvPr>
        </p:nvSpPr>
        <p:spPr>
          <a:xfrm>
            <a:off x="6300192" y="1851670"/>
            <a:ext cx="201081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60" name="Text Placeholder 30"/>
          <p:cNvSpPr>
            <a:spLocks noGrp="1"/>
          </p:cNvSpPr>
          <p:nvPr>
            <p:ph type="body" sz="quarter" idx="250"/>
          </p:nvPr>
        </p:nvSpPr>
        <p:spPr>
          <a:xfrm>
            <a:off x="6300192" y="1997974"/>
            <a:ext cx="2016224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3" name="Text Placeholder 27"/>
          <p:cNvSpPr>
            <a:spLocks noGrp="1"/>
          </p:cNvSpPr>
          <p:nvPr>
            <p:ph type="body" sz="quarter" idx="251"/>
          </p:nvPr>
        </p:nvSpPr>
        <p:spPr>
          <a:xfrm>
            <a:off x="6156176" y="3361550"/>
            <a:ext cx="201081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64" name="Text Placeholder 30"/>
          <p:cNvSpPr>
            <a:spLocks noGrp="1"/>
          </p:cNvSpPr>
          <p:nvPr>
            <p:ph type="body" sz="quarter" idx="252"/>
          </p:nvPr>
        </p:nvSpPr>
        <p:spPr>
          <a:xfrm>
            <a:off x="6156176" y="3507854"/>
            <a:ext cx="2016224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7" name="Text Placeholder 27"/>
          <p:cNvSpPr>
            <a:spLocks noGrp="1"/>
          </p:cNvSpPr>
          <p:nvPr>
            <p:ph type="body" sz="quarter" idx="253"/>
          </p:nvPr>
        </p:nvSpPr>
        <p:spPr>
          <a:xfrm>
            <a:off x="1188034" y="3505566"/>
            <a:ext cx="2019366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68" name="Text Placeholder 30"/>
          <p:cNvSpPr>
            <a:spLocks noGrp="1"/>
          </p:cNvSpPr>
          <p:nvPr>
            <p:ph type="body" sz="quarter" idx="254"/>
          </p:nvPr>
        </p:nvSpPr>
        <p:spPr>
          <a:xfrm>
            <a:off x="1187624" y="3651870"/>
            <a:ext cx="2024796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0" name="Text Placeholder 27"/>
          <p:cNvSpPr>
            <a:spLocks noGrp="1"/>
          </p:cNvSpPr>
          <p:nvPr>
            <p:ph type="body" sz="quarter" idx="255"/>
          </p:nvPr>
        </p:nvSpPr>
        <p:spPr>
          <a:xfrm>
            <a:off x="891430" y="2425446"/>
            <a:ext cx="2019366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71" name="Text Placeholder 30"/>
          <p:cNvSpPr>
            <a:spLocks noGrp="1"/>
          </p:cNvSpPr>
          <p:nvPr>
            <p:ph type="body" sz="quarter" idx="256"/>
          </p:nvPr>
        </p:nvSpPr>
        <p:spPr>
          <a:xfrm>
            <a:off x="891020" y="2571750"/>
            <a:ext cx="2024796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6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3995936" y="2931790"/>
            <a:ext cx="1003577" cy="407810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400" b="1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77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4168485" y="2371648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979276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7" grpId="0"/>
    </p:bldLst>
  </p:timing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59833" y="915566"/>
            <a:ext cx="505091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CHART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ATIVE LAYOUT 01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917926" y="1453804"/>
            <a:ext cx="7338952" cy="51783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7543785" y="2141099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7543785" y="2743108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7543784" y="3341958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7543784" y="3920651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grpSp>
        <p:nvGrpSpPr>
          <p:cNvPr id="12" name="Group 11"/>
          <p:cNvGrpSpPr/>
          <p:nvPr userDrawn="1"/>
        </p:nvGrpSpPr>
        <p:grpSpPr>
          <a:xfrm>
            <a:off x="4990078" y="2271764"/>
            <a:ext cx="1860751" cy="253189"/>
            <a:chOff x="1542367" y="2610272"/>
            <a:chExt cx="1756062" cy="238944"/>
          </a:xfrm>
        </p:grpSpPr>
        <p:sp>
          <p:nvSpPr>
            <p:cNvPr id="13" name="Rounded Rectangle 1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" name="Rounded Rectangle 1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" name="Rounded Rectangle 1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" name="Rounded Rectangle 1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Rounded Rectangle 1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Rounded Rectangle 1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" name="Rounded Rectangle 1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" name="Rounded Rectangle 1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" name="Rounded Rectangle 2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" name="Rounded Rectangle 2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3" name="Group 22"/>
          <p:cNvGrpSpPr/>
          <p:nvPr userDrawn="1"/>
        </p:nvGrpSpPr>
        <p:grpSpPr>
          <a:xfrm>
            <a:off x="4990078" y="2870311"/>
            <a:ext cx="1860751" cy="253189"/>
            <a:chOff x="1542367" y="2610272"/>
            <a:chExt cx="1756062" cy="238944"/>
          </a:xfrm>
        </p:grpSpPr>
        <p:sp>
          <p:nvSpPr>
            <p:cNvPr id="24" name="Rounded Rectangle 2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5" name="Rounded Rectangle 2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6" name="Rounded Rectangle 2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7" name="Rounded Rectangle 2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" name="Rounded Rectangle 2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" name="Rounded Rectangle 2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" name="Rounded Rectangle 2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" name="Rounded Rectangle 3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" name="Rounded Rectangle 3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" name="Rounded Rectangle 3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4" name="Group 33"/>
          <p:cNvGrpSpPr/>
          <p:nvPr userDrawn="1"/>
        </p:nvGrpSpPr>
        <p:grpSpPr>
          <a:xfrm>
            <a:off x="4990078" y="3475782"/>
            <a:ext cx="1860751" cy="253189"/>
            <a:chOff x="1542367" y="2610272"/>
            <a:chExt cx="1756062" cy="238944"/>
          </a:xfrm>
        </p:grpSpPr>
        <p:sp>
          <p:nvSpPr>
            <p:cNvPr id="35" name="Rounded Rectangle 34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" name="Rounded Rectangle 35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" name="Rounded Rectangle 36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8" name="Rounded Rectangle 37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9" name="Rounded Rectangle 38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0" name="Rounded Rectangle 3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1" name="Rounded Rectangle 4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2" name="Rounded Rectangle 4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3" name="Rounded Rectangle 42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4" name="Rounded Rectangle 43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45" name="Group 44"/>
          <p:cNvGrpSpPr/>
          <p:nvPr userDrawn="1"/>
        </p:nvGrpSpPr>
        <p:grpSpPr>
          <a:xfrm>
            <a:off x="4990078" y="4075123"/>
            <a:ext cx="1860751" cy="253189"/>
            <a:chOff x="1542367" y="2610272"/>
            <a:chExt cx="1756062" cy="238944"/>
          </a:xfrm>
        </p:grpSpPr>
        <p:sp>
          <p:nvSpPr>
            <p:cNvPr id="46" name="Rounded Rectangle 45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7" name="Rounded Rectangle 46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8" name="Rounded Rectangle 47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9" name="Rounded Rectangle 48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0" name="Rounded Rectangle 49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1" name="Rounded Rectangle 50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Rounded Rectangle 51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3" name="Rounded Rectangle 52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4" name="Rounded Rectangle 53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5" name="Rounded Rectangle 54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56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1041401" y="2139702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7" name="Picture Placeholder 6"/>
          <p:cNvSpPr>
            <a:spLocks noGrp="1"/>
          </p:cNvSpPr>
          <p:nvPr>
            <p:ph type="pic" sz="quarter" idx="141" hasCustomPrompt="1"/>
          </p:nvPr>
        </p:nvSpPr>
        <p:spPr>
          <a:xfrm>
            <a:off x="1041401" y="2741711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8" name="Picture Placeholder 6"/>
          <p:cNvSpPr>
            <a:spLocks noGrp="1"/>
          </p:cNvSpPr>
          <p:nvPr>
            <p:ph type="pic" sz="quarter" idx="142" hasCustomPrompt="1"/>
          </p:nvPr>
        </p:nvSpPr>
        <p:spPr>
          <a:xfrm>
            <a:off x="1041400" y="3340561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9" name="Picture Placeholder 6"/>
          <p:cNvSpPr>
            <a:spLocks noGrp="1"/>
          </p:cNvSpPr>
          <p:nvPr>
            <p:ph type="pic" sz="quarter" idx="143" hasCustomPrompt="1"/>
          </p:nvPr>
        </p:nvSpPr>
        <p:spPr>
          <a:xfrm>
            <a:off x="1041400" y="3919254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grpSp>
        <p:nvGrpSpPr>
          <p:cNvPr id="60" name="Group 59"/>
          <p:cNvGrpSpPr/>
          <p:nvPr userDrawn="1"/>
        </p:nvGrpSpPr>
        <p:grpSpPr>
          <a:xfrm>
            <a:off x="2335554" y="2270367"/>
            <a:ext cx="1860751" cy="253189"/>
            <a:chOff x="1542367" y="2610272"/>
            <a:chExt cx="1756062" cy="238944"/>
          </a:xfrm>
        </p:grpSpPr>
        <p:sp>
          <p:nvSpPr>
            <p:cNvPr id="61" name="Rounded Rectangle 60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2" name="Rounded Rectangle 61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Rounded Rectangle 62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4" name="Rounded Rectangle 63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5" name="Rounded Rectangle 64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6" name="Rounded Rectangle 65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7" name="Rounded Rectangle 66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8" name="Rounded Rectangle 67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9" name="Rounded Rectangle 68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0" name="Rounded Rectangle 69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71" name="Group 70"/>
          <p:cNvGrpSpPr/>
          <p:nvPr userDrawn="1"/>
        </p:nvGrpSpPr>
        <p:grpSpPr>
          <a:xfrm>
            <a:off x="2335554" y="2868914"/>
            <a:ext cx="1860751" cy="253189"/>
            <a:chOff x="1542367" y="2610272"/>
            <a:chExt cx="1756062" cy="238944"/>
          </a:xfrm>
        </p:grpSpPr>
        <p:sp>
          <p:nvSpPr>
            <p:cNvPr id="72" name="Rounded Rectangle 7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Rounded Rectangle 7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Rounded Rectangle 7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5" name="Rounded Rectangle 7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6" name="Rounded Rectangle 7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7" name="Rounded Rectangle 7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Rounded Rectangle 7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Rounded Rectangle 7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0" name="Rounded Rectangle 79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1" name="Rounded Rectangle 80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82" name="Group 81"/>
          <p:cNvGrpSpPr/>
          <p:nvPr userDrawn="1"/>
        </p:nvGrpSpPr>
        <p:grpSpPr>
          <a:xfrm>
            <a:off x="2335554" y="3474385"/>
            <a:ext cx="1860751" cy="253189"/>
            <a:chOff x="1542367" y="2610272"/>
            <a:chExt cx="1756062" cy="238944"/>
          </a:xfrm>
        </p:grpSpPr>
        <p:sp>
          <p:nvSpPr>
            <p:cNvPr id="83" name="Rounded Rectangle 8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4" name="Rounded Rectangle 8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5" name="Rounded Rectangle 8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6" name="Rounded Rectangle 8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7" name="Rounded Rectangle 8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8" name="Rounded Rectangle 8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9" name="Rounded Rectangle 8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0" name="Rounded Rectangle 8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1" name="Rounded Rectangle 9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2" name="Rounded Rectangle 9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93" name="Group 92"/>
          <p:cNvGrpSpPr/>
          <p:nvPr userDrawn="1"/>
        </p:nvGrpSpPr>
        <p:grpSpPr>
          <a:xfrm>
            <a:off x="2335554" y="4073726"/>
            <a:ext cx="1860751" cy="253189"/>
            <a:chOff x="1542367" y="2610272"/>
            <a:chExt cx="1756062" cy="238944"/>
          </a:xfrm>
        </p:grpSpPr>
        <p:sp>
          <p:nvSpPr>
            <p:cNvPr id="94" name="Rounded Rectangle 9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5" name="Rounded Rectangle 9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6" name="Rounded Rectangle 9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7" name="Rounded Rectangle 9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Rounded Rectangle 9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9" name="Rounded Rectangle 9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0" name="Rounded Rectangle 9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1" name="Rounded Rectangle 10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2" name="Rounded Rectangle 10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3" name="Rounded Rectangle 10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05" name="Picture Placeholder 5"/>
          <p:cNvSpPr>
            <a:spLocks noGrp="1"/>
          </p:cNvSpPr>
          <p:nvPr>
            <p:ph type="pic" sz="quarter" idx="35" hasCustomPrompt="1"/>
          </p:nvPr>
        </p:nvSpPr>
        <p:spPr>
          <a:xfrm>
            <a:off x="6958538" y="2307506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06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7176701" y="2242458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07" name="Picture Placeholder 5"/>
          <p:cNvSpPr>
            <a:spLocks noGrp="1"/>
          </p:cNvSpPr>
          <p:nvPr>
            <p:ph type="pic" sz="quarter" idx="144" hasCustomPrompt="1"/>
          </p:nvPr>
        </p:nvSpPr>
        <p:spPr>
          <a:xfrm>
            <a:off x="6958538" y="2925258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08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7176701" y="2849562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09" name="Picture Placeholder 5"/>
          <p:cNvSpPr>
            <a:spLocks noGrp="1"/>
          </p:cNvSpPr>
          <p:nvPr>
            <p:ph type="pic" sz="quarter" idx="146" hasCustomPrompt="1"/>
          </p:nvPr>
        </p:nvSpPr>
        <p:spPr>
          <a:xfrm>
            <a:off x="6958538" y="3516301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0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7176701" y="3451253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1" name="Picture Placeholder 5"/>
          <p:cNvSpPr>
            <a:spLocks noGrp="1"/>
          </p:cNvSpPr>
          <p:nvPr>
            <p:ph type="pic" sz="quarter" idx="148" hasCustomPrompt="1"/>
          </p:nvPr>
        </p:nvSpPr>
        <p:spPr>
          <a:xfrm>
            <a:off x="6958538" y="4117388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2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7176701" y="4043472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3" name="Picture Placeholder 5"/>
          <p:cNvSpPr>
            <a:spLocks noGrp="1"/>
          </p:cNvSpPr>
          <p:nvPr>
            <p:ph type="pic" sz="quarter" idx="150" hasCustomPrompt="1"/>
          </p:nvPr>
        </p:nvSpPr>
        <p:spPr>
          <a:xfrm>
            <a:off x="2061233" y="2307506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4" name="Text Placeholder 27"/>
          <p:cNvSpPr>
            <a:spLocks noGrp="1"/>
          </p:cNvSpPr>
          <p:nvPr>
            <p:ph type="body" sz="quarter" idx="151" hasCustomPrompt="1"/>
          </p:nvPr>
        </p:nvSpPr>
        <p:spPr>
          <a:xfrm>
            <a:off x="1666873" y="2242458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5" name="Picture Placeholder 5"/>
          <p:cNvSpPr>
            <a:spLocks noGrp="1"/>
          </p:cNvSpPr>
          <p:nvPr>
            <p:ph type="pic" sz="quarter" idx="152" hasCustomPrompt="1"/>
          </p:nvPr>
        </p:nvSpPr>
        <p:spPr>
          <a:xfrm>
            <a:off x="2061233" y="2925258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6" name="Text Placeholder 27"/>
          <p:cNvSpPr>
            <a:spLocks noGrp="1"/>
          </p:cNvSpPr>
          <p:nvPr>
            <p:ph type="body" sz="quarter" idx="153" hasCustomPrompt="1"/>
          </p:nvPr>
        </p:nvSpPr>
        <p:spPr>
          <a:xfrm>
            <a:off x="1666873" y="2849562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7" name="Picture Placeholder 5"/>
          <p:cNvSpPr>
            <a:spLocks noGrp="1"/>
          </p:cNvSpPr>
          <p:nvPr>
            <p:ph type="pic" sz="quarter" idx="154" hasCustomPrompt="1"/>
          </p:nvPr>
        </p:nvSpPr>
        <p:spPr>
          <a:xfrm>
            <a:off x="2061233" y="3516301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8" name="Text Placeholder 27"/>
          <p:cNvSpPr>
            <a:spLocks noGrp="1"/>
          </p:cNvSpPr>
          <p:nvPr>
            <p:ph type="body" sz="quarter" idx="155" hasCustomPrompt="1"/>
          </p:nvPr>
        </p:nvSpPr>
        <p:spPr>
          <a:xfrm>
            <a:off x="1666873" y="3451253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9" name="Picture Placeholder 5"/>
          <p:cNvSpPr>
            <a:spLocks noGrp="1"/>
          </p:cNvSpPr>
          <p:nvPr>
            <p:ph type="pic" sz="quarter" idx="156" hasCustomPrompt="1"/>
          </p:nvPr>
        </p:nvSpPr>
        <p:spPr>
          <a:xfrm>
            <a:off x="2061233" y="4117388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20" name="Text Placeholder 27"/>
          <p:cNvSpPr>
            <a:spLocks noGrp="1"/>
          </p:cNvSpPr>
          <p:nvPr>
            <p:ph type="body" sz="quarter" idx="157" hasCustomPrompt="1"/>
          </p:nvPr>
        </p:nvSpPr>
        <p:spPr>
          <a:xfrm>
            <a:off x="1666873" y="4043472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21" name="Text Placeholder 27"/>
          <p:cNvSpPr>
            <a:spLocks noGrp="1"/>
          </p:cNvSpPr>
          <p:nvPr>
            <p:ph type="body" sz="quarter" idx="158" hasCustomPrompt="1"/>
          </p:nvPr>
        </p:nvSpPr>
        <p:spPr>
          <a:xfrm>
            <a:off x="4233672" y="2875666"/>
            <a:ext cx="717895" cy="287736"/>
          </a:xfrm>
          <a:prstGeom prst="rect">
            <a:avLst/>
          </a:prstGeom>
        </p:spPr>
        <p:txBody>
          <a:bodyPr lIns="109728" tIns="0"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124" name="Text Placeholder 27"/>
          <p:cNvSpPr>
            <a:spLocks noGrp="1"/>
          </p:cNvSpPr>
          <p:nvPr>
            <p:ph type="body" sz="quarter" idx="159" hasCustomPrompt="1"/>
          </p:nvPr>
        </p:nvSpPr>
        <p:spPr>
          <a:xfrm>
            <a:off x="4233672" y="2276856"/>
            <a:ext cx="717895" cy="287736"/>
          </a:xfrm>
          <a:prstGeom prst="rect">
            <a:avLst/>
          </a:prstGeom>
        </p:spPr>
        <p:txBody>
          <a:bodyPr lIns="109728" tIns="0"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125" name="Text Placeholder 27"/>
          <p:cNvSpPr>
            <a:spLocks noGrp="1"/>
          </p:cNvSpPr>
          <p:nvPr>
            <p:ph type="body" sz="quarter" idx="160" hasCustomPrompt="1"/>
          </p:nvPr>
        </p:nvSpPr>
        <p:spPr>
          <a:xfrm>
            <a:off x="4233672" y="3474720"/>
            <a:ext cx="717895" cy="287736"/>
          </a:xfrm>
          <a:prstGeom prst="rect">
            <a:avLst/>
          </a:prstGeom>
        </p:spPr>
        <p:txBody>
          <a:bodyPr lIns="109728" tIns="0"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126" name="Text Placeholder 27"/>
          <p:cNvSpPr>
            <a:spLocks noGrp="1"/>
          </p:cNvSpPr>
          <p:nvPr>
            <p:ph type="body" sz="quarter" idx="161" hasCustomPrompt="1"/>
          </p:nvPr>
        </p:nvSpPr>
        <p:spPr>
          <a:xfrm>
            <a:off x="4233672" y="4078224"/>
            <a:ext cx="717895" cy="287736"/>
          </a:xfrm>
          <a:prstGeom prst="rect">
            <a:avLst/>
          </a:prstGeom>
        </p:spPr>
        <p:txBody>
          <a:bodyPr lIns="109728" tIns="0"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2086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0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45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1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5000"/>
                            </p:stCondLst>
                            <p:childTnLst>
                              <p:par>
                                <p:cTn id="7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1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1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500"/>
                                        <p:tgtEl>
                                          <p:spTgt spid="1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3" fill="hold">
                            <p:stCondLst>
                              <p:cond delay="5500"/>
                            </p:stCondLst>
                            <p:childTnLst>
                              <p:par>
                                <p:cTn id="10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8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1" dur="500"/>
                                        <p:tgtEl>
                                          <p:spTgt spid="1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4" dur="500"/>
                                        <p:tgtEl>
                                          <p:spTgt spid="1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7" dur="500"/>
                                        <p:tgtEl>
                                          <p:spTgt spid="1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0" dur="500"/>
                                        <p:tgtEl>
                                          <p:spTgt spid="1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/>
      <p:bldP spid="9" grpId="0"/>
      <p:bldP spid="10" grpId="0"/>
      <p:bldP spid="11" grpId="0"/>
      <p:bldP spid="56" grpId="0"/>
      <p:bldP spid="57" grpId="0"/>
      <p:bldP spid="58" grpId="0"/>
      <p:bldP spid="59" grpId="0"/>
      <p:bldP spid="105" grpId="0"/>
      <p:bldP spid="10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7" grpId="0"/>
      <p:bldP spid="10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9" grpId="0"/>
      <p:bldP spid="11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1" grpId="0"/>
      <p:bldP spid="1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3" grpId="0"/>
      <p:bldP spid="11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5" grpId="0"/>
      <p:bldP spid="11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7" grpId="0"/>
      <p:bldP spid="11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9" grpId="0"/>
      <p:bldP spid="12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59832" y="915566"/>
            <a:ext cx="505091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ORKFLOW CHART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ATIVE LAYOUT 02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>
            <a:off x="4572000" y="1766961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5330952" y="1993392"/>
            <a:ext cx="3000367" cy="178744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XPECTED DISTRIBUTION</a:t>
            </a:r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42" hasCustomPrompt="1"/>
          </p:nvPr>
        </p:nvSpPr>
        <p:spPr>
          <a:xfrm>
            <a:off x="5358384" y="2312040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743716" y="1779662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1. ADD TEXT</a:t>
            </a:r>
            <a:endParaRPr lang="en-US" dirty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767081" y="1958406"/>
            <a:ext cx="3660903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745377" y="2439369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. ADD TEXT</a:t>
            </a:r>
            <a:endParaRPr lang="en-US" dirty="0"/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768742" y="2618113"/>
            <a:ext cx="3660903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764999" y="3103023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3. ADD TEXT</a:t>
            </a:r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788364" y="3272408"/>
            <a:ext cx="3660903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764999" y="3762730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4. ADD TEXT</a:t>
            </a:r>
            <a:endParaRPr lang="en-US" dirty="0"/>
          </a:p>
        </p:txBody>
      </p:sp>
      <p:sp>
        <p:nvSpPr>
          <p:cNvPr id="34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788364" y="3941474"/>
            <a:ext cx="3660903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Rounded Rectangle 7"/>
          <p:cNvSpPr/>
          <p:nvPr userDrawn="1"/>
        </p:nvSpPr>
        <p:spPr>
          <a:xfrm>
            <a:off x="5450642" y="2492638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4850467" y="2345293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0</a:t>
            </a:r>
            <a:endParaRPr lang="en-US" dirty="0"/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151" hasCustomPrompt="1"/>
          </p:nvPr>
        </p:nvSpPr>
        <p:spPr>
          <a:xfrm>
            <a:off x="8092792" y="2373770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37" name="Text Placeholder 27"/>
          <p:cNvSpPr>
            <a:spLocks noGrp="1"/>
          </p:cNvSpPr>
          <p:nvPr>
            <p:ph type="body" sz="quarter" idx="152" hasCustomPrompt="1"/>
          </p:nvPr>
        </p:nvSpPr>
        <p:spPr>
          <a:xfrm>
            <a:off x="5358384" y="2704164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38" name="Rounded Rectangle 37"/>
          <p:cNvSpPr/>
          <p:nvPr userDrawn="1"/>
        </p:nvSpPr>
        <p:spPr>
          <a:xfrm>
            <a:off x="5450642" y="2884762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153" hasCustomPrompt="1"/>
          </p:nvPr>
        </p:nvSpPr>
        <p:spPr>
          <a:xfrm>
            <a:off x="4850467" y="2737417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1000</a:t>
            </a:r>
            <a:endParaRPr lang="en-US" dirty="0"/>
          </a:p>
        </p:txBody>
      </p:sp>
      <p:sp>
        <p:nvSpPr>
          <p:cNvPr id="40" name="Text Placeholder 27"/>
          <p:cNvSpPr>
            <a:spLocks noGrp="1"/>
          </p:cNvSpPr>
          <p:nvPr>
            <p:ph type="body" sz="quarter" idx="154" hasCustomPrompt="1"/>
          </p:nvPr>
        </p:nvSpPr>
        <p:spPr>
          <a:xfrm>
            <a:off x="8092792" y="2765894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41" name="Text Placeholder 27"/>
          <p:cNvSpPr>
            <a:spLocks noGrp="1"/>
          </p:cNvSpPr>
          <p:nvPr>
            <p:ph type="body" sz="quarter" idx="155" hasCustomPrompt="1"/>
          </p:nvPr>
        </p:nvSpPr>
        <p:spPr>
          <a:xfrm>
            <a:off x="5358384" y="3100097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42" name="Rounded Rectangle 41"/>
          <p:cNvSpPr/>
          <p:nvPr userDrawn="1"/>
        </p:nvSpPr>
        <p:spPr>
          <a:xfrm>
            <a:off x="5450642" y="3280695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156" hasCustomPrompt="1"/>
          </p:nvPr>
        </p:nvSpPr>
        <p:spPr>
          <a:xfrm>
            <a:off x="4850467" y="3133350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1000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57" hasCustomPrompt="1"/>
          </p:nvPr>
        </p:nvSpPr>
        <p:spPr>
          <a:xfrm>
            <a:off x="8092792" y="3161827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45" name="Text Placeholder 27"/>
          <p:cNvSpPr>
            <a:spLocks noGrp="1"/>
          </p:cNvSpPr>
          <p:nvPr>
            <p:ph type="body" sz="quarter" idx="158" hasCustomPrompt="1"/>
          </p:nvPr>
        </p:nvSpPr>
        <p:spPr>
          <a:xfrm>
            <a:off x="5358384" y="3492221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46" name="Rounded Rectangle 45"/>
          <p:cNvSpPr/>
          <p:nvPr userDrawn="1"/>
        </p:nvSpPr>
        <p:spPr>
          <a:xfrm>
            <a:off x="5450642" y="3672819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" name="Text Placeholder 27"/>
          <p:cNvSpPr>
            <a:spLocks noGrp="1"/>
          </p:cNvSpPr>
          <p:nvPr>
            <p:ph type="body" sz="quarter" idx="159" hasCustomPrompt="1"/>
          </p:nvPr>
        </p:nvSpPr>
        <p:spPr>
          <a:xfrm>
            <a:off x="4850467" y="3525474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1000</a:t>
            </a:r>
            <a:endParaRPr lang="en-US" dirty="0"/>
          </a:p>
        </p:txBody>
      </p:sp>
      <p:sp>
        <p:nvSpPr>
          <p:cNvPr id="48" name="Text Placeholder 27"/>
          <p:cNvSpPr>
            <a:spLocks noGrp="1"/>
          </p:cNvSpPr>
          <p:nvPr>
            <p:ph type="body" sz="quarter" idx="160" hasCustomPrompt="1"/>
          </p:nvPr>
        </p:nvSpPr>
        <p:spPr>
          <a:xfrm>
            <a:off x="8092792" y="3553951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49" name="Text Placeholder 27"/>
          <p:cNvSpPr>
            <a:spLocks noGrp="1"/>
          </p:cNvSpPr>
          <p:nvPr>
            <p:ph type="body" sz="quarter" idx="161" hasCustomPrompt="1"/>
          </p:nvPr>
        </p:nvSpPr>
        <p:spPr>
          <a:xfrm>
            <a:off x="5358384" y="3889160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50" name="Rounded Rectangle 49"/>
          <p:cNvSpPr/>
          <p:nvPr userDrawn="1"/>
        </p:nvSpPr>
        <p:spPr>
          <a:xfrm>
            <a:off x="5450642" y="4069758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162" hasCustomPrompt="1"/>
          </p:nvPr>
        </p:nvSpPr>
        <p:spPr>
          <a:xfrm>
            <a:off x="4850467" y="3922413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1000</a:t>
            </a:r>
            <a:endParaRPr lang="en-US" dirty="0"/>
          </a:p>
        </p:txBody>
      </p:sp>
      <p:sp>
        <p:nvSpPr>
          <p:cNvPr id="52" name="Text Placeholder 27"/>
          <p:cNvSpPr>
            <a:spLocks noGrp="1"/>
          </p:cNvSpPr>
          <p:nvPr>
            <p:ph type="body" sz="quarter" idx="163" hasCustomPrompt="1"/>
          </p:nvPr>
        </p:nvSpPr>
        <p:spPr>
          <a:xfrm>
            <a:off x="8092792" y="3950890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64" hasCustomPrompt="1"/>
          </p:nvPr>
        </p:nvSpPr>
        <p:spPr>
          <a:xfrm>
            <a:off x="5321808" y="1737360"/>
            <a:ext cx="3000367" cy="261103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8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ENEFIT</a:t>
            </a:r>
            <a:endParaRPr lang="en-US" dirty="0"/>
          </a:p>
        </p:txBody>
      </p:sp>
      <p:sp>
        <p:nvSpPr>
          <p:cNvPr id="54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4813343" y="1688217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44469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75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500"/>
                            </p:stCondLst>
                            <p:childTnLst>
                              <p:par>
                                <p:cTn id="3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25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6000"/>
                            </p:stCondLst>
                            <p:childTnLst>
                              <p:par>
                                <p:cTn id="44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65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7500"/>
                            </p:stCondLst>
                            <p:childTnLst>
                              <p:par>
                                <p:cTn id="5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8250"/>
                            </p:stCondLst>
                            <p:childTnLst>
                              <p:par>
                                <p:cTn id="5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750"/>
                            </p:stCondLst>
                            <p:childTnLst>
                              <p:par>
                                <p:cTn id="6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9250"/>
                            </p:stCondLst>
                            <p:childTnLst>
                              <p:par>
                                <p:cTn id="7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9750"/>
                            </p:stCondLst>
                            <p:childTnLst>
                              <p:par>
                                <p:cTn id="8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10250"/>
                            </p:stCondLst>
                            <p:childTnLst>
                              <p:par>
                                <p:cTn id="9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3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animBg="1"/>
      <p:bldP spid="3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 animBg="1"/>
      <p:bldP spid="4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animBg="1"/>
      <p:bldP spid="4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 animBg="1"/>
      <p:bldP spid="5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/>
    </p:bldLst>
  </p:timing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59832" y="915566"/>
            <a:ext cx="505091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ORKFLOW CHART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ATIVE LAYOUT 03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Chart Placeholder 7"/>
          <p:cNvSpPr>
            <a:spLocks noGrp="1"/>
          </p:cNvSpPr>
          <p:nvPr>
            <p:ph type="chart" sz="quarter" idx="127"/>
          </p:nvPr>
        </p:nvSpPr>
        <p:spPr>
          <a:xfrm>
            <a:off x="6615979" y="2729629"/>
            <a:ext cx="1700437" cy="121027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sp>
        <p:nvSpPr>
          <p:cNvPr id="7" name="Chart Placeholder 7"/>
          <p:cNvSpPr>
            <a:spLocks noGrp="1"/>
          </p:cNvSpPr>
          <p:nvPr>
            <p:ph type="chart" sz="quarter" idx="128"/>
          </p:nvPr>
        </p:nvSpPr>
        <p:spPr>
          <a:xfrm>
            <a:off x="4885522" y="2729628"/>
            <a:ext cx="1700437" cy="121027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4572074" y="1728222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 Placeholder 30"/>
          <p:cNvSpPr>
            <a:spLocks noGrp="1"/>
          </p:cNvSpPr>
          <p:nvPr>
            <p:ph type="body" sz="quarter" idx="126" hasCustomPrompt="1"/>
          </p:nvPr>
        </p:nvSpPr>
        <p:spPr>
          <a:xfrm>
            <a:off x="1646734" y="1799259"/>
            <a:ext cx="2778405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$1,000,000.00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29" hasCustomPrompt="1"/>
          </p:nvPr>
        </p:nvSpPr>
        <p:spPr>
          <a:xfrm>
            <a:off x="1626423" y="1728222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DGET 2014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30" hasCustomPrompt="1"/>
          </p:nvPr>
        </p:nvSpPr>
        <p:spPr>
          <a:xfrm>
            <a:off x="953254" y="1635646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Chart Placeholder 7"/>
          <p:cNvSpPr>
            <a:spLocks noGrp="1"/>
          </p:cNvSpPr>
          <p:nvPr>
            <p:ph type="chart" sz="quarter" idx="132"/>
          </p:nvPr>
        </p:nvSpPr>
        <p:spPr>
          <a:xfrm>
            <a:off x="2480923" y="2729629"/>
            <a:ext cx="1700437" cy="121027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sp>
        <p:nvSpPr>
          <p:cNvPr id="17" name="Chart Placeholder 7"/>
          <p:cNvSpPr>
            <a:spLocks noGrp="1"/>
          </p:cNvSpPr>
          <p:nvPr>
            <p:ph type="chart" sz="quarter" idx="133"/>
          </p:nvPr>
        </p:nvSpPr>
        <p:spPr>
          <a:xfrm>
            <a:off x="755576" y="2729628"/>
            <a:ext cx="1700437" cy="121027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34" hasCustomPrompt="1"/>
          </p:nvPr>
        </p:nvSpPr>
        <p:spPr>
          <a:xfrm>
            <a:off x="5584722" y="1799259"/>
            <a:ext cx="2778405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$100,000.00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5564411" y="1728222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DGET 2014</a:t>
            </a:r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4891242" y="1635646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137"/>
          </p:nvPr>
        </p:nvSpPr>
        <p:spPr>
          <a:xfrm>
            <a:off x="930987" y="2139702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2" name="Text Placeholder 30"/>
          <p:cNvSpPr>
            <a:spLocks noGrp="1"/>
          </p:cNvSpPr>
          <p:nvPr>
            <p:ph type="body" sz="quarter" idx="138"/>
          </p:nvPr>
        </p:nvSpPr>
        <p:spPr>
          <a:xfrm>
            <a:off x="4885522" y="2139702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39" hasCustomPrompt="1"/>
          </p:nvPr>
        </p:nvSpPr>
        <p:spPr>
          <a:xfrm>
            <a:off x="755576" y="3983208"/>
            <a:ext cx="1700437" cy="270277"/>
          </a:xfrm>
          <a:prstGeom prst="rect">
            <a:avLst/>
          </a:prstGeom>
        </p:spPr>
        <p:txBody>
          <a:bodyPr lIns="91440" tIns="0" anchor="ctr"/>
          <a:lstStyle>
            <a:lvl1pPr marL="0" indent="0" algn="ct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 STORE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40" hasCustomPrompt="1"/>
          </p:nvPr>
        </p:nvSpPr>
        <p:spPr>
          <a:xfrm>
            <a:off x="2480923" y="3983208"/>
            <a:ext cx="1700437" cy="270277"/>
          </a:xfrm>
          <a:prstGeom prst="rect">
            <a:avLst/>
          </a:prstGeom>
        </p:spPr>
        <p:txBody>
          <a:bodyPr lIns="91440" tIns="0" anchor="ctr"/>
          <a:lstStyle>
            <a:lvl1pPr marL="0" indent="0" algn="ct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 STORE</a:t>
            </a:r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41" hasCustomPrompt="1"/>
          </p:nvPr>
        </p:nvSpPr>
        <p:spPr>
          <a:xfrm>
            <a:off x="4897457" y="3983208"/>
            <a:ext cx="1700437" cy="270277"/>
          </a:xfrm>
          <a:prstGeom prst="rect">
            <a:avLst/>
          </a:prstGeom>
        </p:spPr>
        <p:txBody>
          <a:bodyPr lIns="91440" tIns="0" anchor="ctr"/>
          <a:lstStyle>
            <a:lvl1pPr marL="0" indent="0" algn="ct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 STORE</a:t>
            </a:r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42" hasCustomPrompt="1"/>
          </p:nvPr>
        </p:nvSpPr>
        <p:spPr>
          <a:xfrm>
            <a:off x="6597894" y="3983208"/>
            <a:ext cx="1725347" cy="270277"/>
          </a:xfrm>
          <a:prstGeom prst="rect">
            <a:avLst/>
          </a:prstGeom>
        </p:spPr>
        <p:txBody>
          <a:bodyPr lIns="91440" tIns="0" anchor="ctr"/>
          <a:lstStyle>
            <a:lvl1pPr marL="0" indent="0" algn="ct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 STO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67034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375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500"/>
                            </p:stCondLst>
                            <p:childTnLst>
                              <p:par>
                                <p:cTn id="30" presetID="53" presetClass="entr" presetSubtype="16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53" presetClass="entr" presetSubtype="16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5500"/>
                            </p:stCondLst>
                            <p:childTnLst>
                              <p:par>
                                <p:cTn id="47" presetID="22" presetClass="entr" presetSubtype="1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625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0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7750"/>
                            </p:stCondLst>
                            <p:childTnLst>
                              <p:par>
                                <p:cTn id="65" presetID="53" presetClass="entr" presetSubtype="16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6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53" presetClass="entr" presetSubtype="16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7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/>
      <p:bldP spid="7" grpId="0"/>
      <p:bldP spid="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/>
      <p:bldP spid="16" grpId="0"/>
      <p:bldP spid="17" grpId="0"/>
      <p:bldP spid="1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/>
      <p:bldP spid="21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998863" y="915566"/>
            <a:ext cx="511188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987824" y="486000"/>
            <a:ext cx="513579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COMPARISON</a:t>
            </a:r>
            <a:endParaRPr lang="en-US" dirty="0"/>
          </a:p>
        </p:txBody>
      </p:sp>
      <p:cxnSp>
        <p:nvCxnSpPr>
          <p:cNvPr id="35" name="Straight Connector 3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Rectangle 35"/>
          <p:cNvSpPr/>
          <p:nvPr userDrawn="1"/>
        </p:nvSpPr>
        <p:spPr>
          <a:xfrm>
            <a:off x="1005840" y="1995686"/>
            <a:ext cx="7272808" cy="2520279"/>
          </a:xfrm>
          <a:prstGeom prst="rect">
            <a:avLst/>
          </a:prstGeom>
          <a:pattFill prst="dotGrid">
            <a:fgClr>
              <a:schemeClr val="bg1">
                <a:lumMod val="8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endParaRPr lang="th-TH"/>
          </a:p>
        </p:txBody>
      </p:sp>
      <p:cxnSp>
        <p:nvCxnSpPr>
          <p:cNvPr id="37" name="Straight Connector 36"/>
          <p:cNvCxnSpPr/>
          <p:nvPr userDrawn="1"/>
        </p:nvCxnSpPr>
        <p:spPr>
          <a:xfrm>
            <a:off x="1194096" y="3291830"/>
            <a:ext cx="5256000" cy="0"/>
          </a:xfrm>
          <a:prstGeom prst="line">
            <a:avLst/>
          </a:prstGeom>
          <a:ln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Text Placeholder 30"/>
          <p:cNvSpPr>
            <a:spLocks noGrp="1"/>
          </p:cNvSpPr>
          <p:nvPr>
            <p:ph type="body" sz="quarter" idx="78"/>
          </p:nvPr>
        </p:nvSpPr>
        <p:spPr>
          <a:xfrm>
            <a:off x="6594088" y="2999232"/>
            <a:ext cx="1722328" cy="324036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79"/>
          </p:nvPr>
        </p:nvSpPr>
        <p:spPr>
          <a:xfrm>
            <a:off x="6594088" y="3310128"/>
            <a:ext cx="1722328" cy="324036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40" name="Flowchart: Extract 39"/>
          <p:cNvSpPr/>
          <p:nvPr userDrawn="1"/>
        </p:nvSpPr>
        <p:spPr>
          <a:xfrm>
            <a:off x="6234048" y="3075806"/>
            <a:ext cx="216024" cy="144016"/>
          </a:xfrm>
          <a:prstGeom prst="flowChartExtra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1" name="Flowchart: Extract 40"/>
          <p:cNvSpPr/>
          <p:nvPr userDrawn="1"/>
        </p:nvSpPr>
        <p:spPr>
          <a:xfrm flipV="1">
            <a:off x="6234048" y="3372222"/>
            <a:ext cx="216024" cy="144016"/>
          </a:xfrm>
          <a:prstGeom prst="flowChartExtra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2" name="Rectangle 41"/>
          <p:cNvSpPr/>
          <p:nvPr userDrawn="1"/>
        </p:nvSpPr>
        <p:spPr>
          <a:xfrm>
            <a:off x="1877564" y="2427734"/>
            <a:ext cx="648072" cy="864096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3" name="Rectangle 42"/>
          <p:cNvSpPr/>
          <p:nvPr userDrawn="1"/>
        </p:nvSpPr>
        <p:spPr>
          <a:xfrm>
            <a:off x="1877564" y="3291830"/>
            <a:ext cx="648072" cy="432048"/>
          </a:xfrm>
          <a:prstGeom prst="rect">
            <a:avLst/>
          </a:prstGeom>
          <a:pattFill prst="ltDnDiag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4" name="Rectangle 43"/>
          <p:cNvSpPr/>
          <p:nvPr userDrawn="1"/>
        </p:nvSpPr>
        <p:spPr>
          <a:xfrm>
            <a:off x="2741660" y="2283718"/>
            <a:ext cx="648072" cy="1008112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5" name="Rectangle 44"/>
          <p:cNvSpPr/>
          <p:nvPr userDrawn="1"/>
        </p:nvSpPr>
        <p:spPr>
          <a:xfrm>
            <a:off x="2741660" y="3291830"/>
            <a:ext cx="648072" cy="648072"/>
          </a:xfrm>
          <a:prstGeom prst="rect">
            <a:avLst/>
          </a:prstGeom>
          <a:pattFill prst="ltDnDiag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6" name="Rectangle 45"/>
          <p:cNvSpPr/>
          <p:nvPr userDrawn="1"/>
        </p:nvSpPr>
        <p:spPr>
          <a:xfrm>
            <a:off x="3605756" y="2787774"/>
            <a:ext cx="648072" cy="504056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7" name="Rectangle 46"/>
          <p:cNvSpPr/>
          <p:nvPr userDrawn="1"/>
        </p:nvSpPr>
        <p:spPr>
          <a:xfrm>
            <a:off x="3605756" y="3291830"/>
            <a:ext cx="648072" cy="792088"/>
          </a:xfrm>
          <a:prstGeom prst="rect">
            <a:avLst/>
          </a:prstGeom>
          <a:pattFill prst="ltDnDiag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8" name="Rectangle 47"/>
          <p:cNvSpPr/>
          <p:nvPr userDrawn="1"/>
        </p:nvSpPr>
        <p:spPr>
          <a:xfrm>
            <a:off x="4469852" y="2139702"/>
            <a:ext cx="648072" cy="1152128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9" name="Rectangle 48"/>
          <p:cNvSpPr/>
          <p:nvPr userDrawn="1"/>
        </p:nvSpPr>
        <p:spPr>
          <a:xfrm>
            <a:off x="4469852" y="3291830"/>
            <a:ext cx="648072" cy="504056"/>
          </a:xfrm>
          <a:prstGeom prst="rect">
            <a:avLst/>
          </a:prstGeom>
          <a:pattFill prst="ltDnDiag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917926" y="1453804"/>
            <a:ext cx="7338952" cy="469874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769552" y="4154400"/>
            <a:ext cx="864096" cy="2709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A</a:t>
            </a:r>
          </a:p>
        </p:txBody>
      </p:sp>
      <p:sp>
        <p:nvSpPr>
          <p:cNvPr id="52" name="Text Placeholder 27"/>
          <p:cNvSpPr>
            <a:spLocks noGrp="1"/>
          </p:cNvSpPr>
          <p:nvPr>
            <p:ph type="body" sz="quarter" idx="128" hasCustomPrompt="1"/>
          </p:nvPr>
        </p:nvSpPr>
        <p:spPr>
          <a:xfrm>
            <a:off x="3497744" y="4155926"/>
            <a:ext cx="864096" cy="2709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C</a:t>
            </a:r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29" hasCustomPrompt="1"/>
          </p:nvPr>
        </p:nvSpPr>
        <p:spPr>
          <a:xfrm>
            <a:off x="4361840" y="4155927"/>
            <a:ext cx="864096" cy="270000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D</a:t>
            </a:r>
          </a:p>
        </p:txBody>
      </p:sp>
      <p:sp>
        <p:nvSpPr>
          <p:cNvPr id="54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5225936" y="3081528"/>
            <a:ext cx="1006380" cy="225092"/>
          </a:xfrm>
          <a:prstGeom prst="rect">
            <a:avLst/>
          </a:prstGeom>
        </p:spPr>
        <p:txBody>
          <a:bodyPr anchor="ctr"/>
          <a:lstStyle>
            <a:lvl1pPr marL="0" indent="0" algn="r">
              <a:buNone/>
              <a:defRPr sz="1000" b="0" spc="8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CREASE</a:t>
            </a:r>
            <a:endParaRPr lang="en-US" dirty="0"/>
          </a:p>
        </p:txBody>
      </p:sp>
      <p:sp>
        <p:nvSpPr>
          <p:cNvPr id="55" name="Text Placeholder 27"/>
          <p:cNvSpPr>
            <a:spLocks noGrp="1"/>
          </p:cNvSpPr>
          <p:nvPr>
            <p:ph type="body" sz="quarter" idx="131" hasCustomPrompt="1"/>
          </p:nvPr>
        </p:nvSpPr>
        <p:spPr>
          <a:xfrm>
            <a:off x="5227668" y="3291831"/>
            <a:ext cx="1006380" cy="225092"/>
          </a:xfrm>
          <a:prstGeom prst="rect">
            <a:avLst/>
          </a:prstGeom>
        </p:spPr>
        <p:txBody>
          <a:bodyPr anchor="ctr"/>
          <a:lstStyle>
            <a:lvl1pPr marL="0" indent="0" algn="r">
              <a:buNone/>
              <a:defRPr sz="1000" b="0" spc="8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ECREASE</a:t>
            </a:r>
            <a:endParaRPr lang="en-US" dirty="0"/>
          </a:p>
        </p:txBody>
      </p:sp>
      <p:sp>
        <p:nvSpPr>
          <p:cNvPr id="56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1118016" y="3075805"/>
            <a:ext cx="577796" cy="21670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3</a:t>
            </a:r>
            <a:endParaRPr lang="en-US" dirty="0"/>
          </a:p>
        </p:txBody>
      </p:sp>
      <p:sp>
        <p:nvSpPr>
          <p:cNvPr id="57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1119748" y="3291145"/>
            <a:ext cx="577796" cy="21670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4</a:t>
            </a:r>
            <a:endParaRPr lang="en-US" dirty="0"/>
          </a:p>
        </p:txBody>
      </p:sp>
      <p:sp>
        <p:nvSpPr>
          <p:cNvPr id="58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1912702" y="3291830"/>
            <a:ext cx="577796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59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1912702" y="3067422"/>
            <a:ext cx="577796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0" name="Text Placeholder 27"/>
          <p:cNvSpPr>
            <a:spLocks noGrp="1"/>
          </p:cNvSpPr>
          <p:nvPr>
            <p:ph type="body" sz="quarter" idx="136" hasCustomPrompt="1"/>
          </p:nvPr>
        </p:nvSpPr>
        <p:spPr>
          <a:xfrm>
            <a:off x="2741660" y="3291830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1" name="Text Placeholder 27"/>
          <p:cNvSpPr>
            <a:spLocks noGrp="1"/>
          </p:cNvSpPr>
          <p:nvPr>
            <p:ph type="body" sz="quarter" idx="137" hasCustomPrompt="1"/>
          </p:nvPr>
        </p:nvSpPr>
        <p:spPr>
          <a:xfrm>
            <a:off x="2741660" y="3067422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2" name="Text Placeholder 27"/>
          <p:cNvSpPr>
            <a:spLocks noGrp="1"/>
          </p:cNvSpPr>
          <p:nvPr>
            <p:ph type="body" sz="quarter" idx="138" hasCustomPrompt="1"/>
          </p:nvPr>
        </p:nvSpPr>
        <p:spPr>
          <a:xfrm>
            <a:off x="3605756" y="3300214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3" name="Text Placeholder 27"/>
          <p:cNvSpPr>
            <a:spLocks noGrp="1"/>
          </p:cNvSpPr>
          <p:nvPr>
            <p:ph type="body" sz="quarter" idx="139" hasCustomPrompt="1"/>
          </p:nvPr>
        </p:nvSpPr>
        <p:spPr>
          <a:xfrm>
            <a:off x="3605756" y="3075806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4" name="Text Placeholder 27"/>
          <p:cNvSpPr>
            <a:spLocks noGrp="1"/>
          </p:cNvSpPr>
          <p:nvPr>
            <p:ph type="body" sz="quarter" idx="140" hasCustomPrompt="1"/>
          </p:nvPr>
        </p:nvSpPr>
        <p:spPr>
          <a:xfrm>
            <a:off x="4469852" y="3300214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5" name="Text Placeholder 27"/>
          <p:cNvSpPr>
            <a:spLocks noGrp="1"/>
          </p:cNvSpPr>
          <p:nvPr>
            <p:ph type="body" sz="quarter" idx="141" hasCustomPrompt="1"/>
          </p:nvPr>
        </p:nvSpPr>
        <p:spPr>
          <a:xfrm>
            <a:off x="4469852" y="3075806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6" name="Text Placeholder 27"/>
          <p:cNvSpPr>
            <a:spLocks noGrp="1"/>
          </p:cNvSpPr>
          <p:nvPr>
            <p:ph type="body" sz="quarter" idx="142" hasCustomPrompt="1"/>
          </p:nvPr>
        </p:nvSpPr>
        <p:spPr>
          <a:xfrm>
            <a:off x="2633648" y="4155926"/>
            <a:ext cx="864096" cy="2709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B</a:t>
            </a:r>
          </a:p>
        </p:txBody>
      </p:sp>
    </p:spTree>
    <p:extLst>
      <p:ext uri="{BB962C8B-B14F-4D97-AF65-F5344CB8AC3E}">
        <p14:creationId xmlns:p14="http://schemas.microsoft.com/office/powerpoint/2010/main" val="30847874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250"/>
                            </p:stCondLst>
                            <p:childTnLst>
                              <p:par>
                                <p:cTn id="24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250"/>
                            </p:stCondLst>
                            <p:childTnLst>
                              <p:par>
                                <p:cTn id="28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0" dur="500"/>
                                        <p:tgtEl>
                                          <p:spTgt spid="5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3" dur="500"/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57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0" dur="500"/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6" dur="500"/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6250"/>
                            </p:stCondLst>
                            <p:childTnLst>
                              <p:par>
                                <p:cTn id="48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4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675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6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8500"/>
                            </p:stCondLst>
                            <p:childTnLst>
                              <p:par>
                                <p:cTn id="68" presetID="22" presetClass="entr" presetSubtype="4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0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3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22" presetClass="entr" presetSubtype="4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6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2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22" presetClass="entr" presetSubtype="4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5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22" presetClass="entr" presetSubtype="4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8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91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9500"/>
                            </p:stCondLst>
                            <p:childTnLst>
                              <p:par>
                                <p:cTn id="9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6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11000"/>
                            </p:stCondLst>
                            <p:childTnLst>
                              <p:par>
                                <p:cTn id="10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500"/>
                                        <p:tgtEl>
                                          <p:spTgt spid="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500"/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7" dur="500"/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animBg="1"/>
      <p:bldP spid="38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animBg="1"/>
      <p:bldP spid="41" grpId="0" animBg="1"/>
      <p:bldP spid="42" grpId="0" animBg="1"/>
      <p:bldP spid="43" grpId="0" animBg="1"/>
      <p:bldP spid="44" grpId="0" animBg="1"/>
      <p:bldP spid="45" grpId="0" animBg="1"/>
      <p:bldP spid="46" grpId="0" animBg="1"/>
      <p:bldP spid="47" grpId="0" animBg="1"/>
      <p:bldP spid="48" grpId="0" animBg="1"/>
      <p:bldP spid="49" grpId="0" animBg="1"/>
      <p:bldP spid="5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build="p">
        <p:tmplLst>
          <p:tmpl lvl="1">
            <p:tnLst>
              <p:par>
                <p:cTn presetID="22" presetClass="entr" presetSubtype="4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build="p">
        <p:tmplLst>
          <p:tmpl lvl="1">
            <p:tnLst>
              <p:par>
                <p:cTn presetID="22" presetClass="entr" presetSubtype="1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 build="p">
        <p:tmplLst>
          <p:tmpl lvl="1">
            <p:tnLst>
              <p:par>
                <p:cTn presetID="22" presetClass="entr" presetSubtype="1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6"/>
          <p:cNvSpPr>
            <a:spLocks noGrp="1"/>
          </p:cNvSpPr>
          <p:nvPr>
            <p:ph type="pic" sz="quarter" idx="19"/>
          </p:nvPr>
        </p:nvSpPr>
        <p:spPr>
          <a:xfrm>
            <a:off x="6156176" y="1652719"/>
            <a:ext cx="2880320" cy="351131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0"/>
          </p:nvPr>
        </p:nvSpPr>
        <p:spPr>
          <a:xfrm>
            <a:off x="6143926" y="123479"/>
            <a:ext cx="2880320" cy="64807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1"/>
          </p:nvPr>
        </p:nvSpPr>
        <p:spPr>
          <a:xfrm>
            <a:off x="3149588" y="123478"/>
            <a:ext cx="2880320" cy="1584176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22"/>
          </p:nvPr>
        </p:nvSpPr>
        <p:spPr>
          <a:xfrm>
            <a:off x="3149588" y="2588823"/>
            <a:ext cx="2880320" cy="257676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3149588" y="1707654"/>
            <a:ext cx="2880320" cy="88116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23"/>
          </p:nvPr>
        </p:nvSpPr>
        <p:spPr>
          <a:xfrm>
            <a:off x="6143925" y="771550"/>
            <a:ext cx="2880321" cy="88116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07501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75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250"/>
                            </p:stCondLst>
                            <p:childTnLst>
                              <p:par>
                                <p:cTn id="12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4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500"/>
                            </p:stCondLst>
                            <p:childTnLst>
                              <p:par>
                                <p:cTn id="19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1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4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10" grpId="0" animBg="1"/>
      <p:bldP spid="13" grpId="0" animBg="1"/>
      <p:bldP spid="14" grpId="0" animBg="1"/>
      <p:bldP spid="1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2843808" y="1563638"/>
            <a:ext cx="3456384" cy="2304256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572244" y="915566"/>
            <a:ext cx="4538500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IRCLE CHART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563888" y="486000"/>
            <a:ext cx="4559731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ATIVE CHART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873541" y="4176494"/>
            <a:ext cx="7488832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1971711" y="2067694"/>
            <a:ext cx="728081" cy="65527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827584" y="2715766"/>
            <a:ext cx="1872208" cy="93610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827585" y="2139702"/>
            <a:ext cx="1224136" cy="360040"/>
          </a:xfrm>
          <a:prstGeom prst="rect">
            <a:avLst/>
          </a:prstGeom>
          <a:noFill/>
        </p:spPr>
        <p:txBody>
          <a:bodyPr lIns="91440" tIns="0" bIns="0" anchor="b"/>
          <a:lstStyle>
            <a:lvl1pPr marL="0" indent="0" algn="r">
              <a:buNone/>
              <a:defRPr sz="1800" b="1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000</a:t>
            </a:r>
            <a:endParaRPr lang="en-US" dirty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218"/>
          </p:nvPr>
        </p:nvSpPr>
        <p:spPr>
          <a:xfrm>
            <a:off x="6444208" y="2715766"/>
            <a:ext cx="1872208" cy="93610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219" hasCustomPrompt="1"/>
          </p:nvPr>
        </p:nvSpPr>
        <p:spPr>
          <a:xfrm>
            <a:off x="827584" y="2427734"/>
            <a:ext cx="1224136" cy="216024"/>
          </a:xfrm>
          <a:prstGeom prst="rect">
            <a:avLst/>
          </a:prstGeom>
          <a:noFill/>
        </p:spPr>
        <p:txBody>
          <a:bodyPr lIns="91440" tIns="0" bIns="0" anchor="b"/>
          <a:lstStyle>
            <a:lvl1pPr marL="0" indent="0" algn="r">
              <a:buNone/>
              <a:defRPr sz="12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Likes</a:t>
            </a:r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220" hasCustomPrompt="1"/>
          </p:nvPr>
        </p:nvSpPr>
        <p:spPr>
          <a:xfrm>
            <a:off x="6444208" y="2060494"/>
            <a:ext cx="728081" cy="65527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21" hasCustomPrompt="1"/>
          </p:nvPr>
        </p:nvSpPr>
        <p:spPr>
          <a:xfrm>
            <a:off x="7114032" y="2139702"/>
            <a:ext cx="1224136" cy="360040"/>
          </a:xfrm>
          <a:prstGeom prst="rect">
            <a:avLst/>
          </a:prstGeom>
          <a:noFill/>
        </p:spPr>
        <p:txBody>
          <a:bodyPr lIns="91440" tIns="0" bIns="0" anchor="b"/>
          <a:lstStyle>
            <a:lvl1pPr marL="0" indent="0" algn="l">
              <a:buNone/>
              <a:defRPr sz="1800" b="1" spc="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000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22" hasCustomPrompt="1"/>
          </p:nvPr>
        </p:nvSpPr>
        <p:spPr>
          <a:xfrm>
            <a:off x="7114032" y="2427734"/>
            <a:ext cx="1224136" cy="216024"/>
          </a:xfrm>
          <a:prstGeom prst="rect">
            <a:avLst/>
          </a:prstGeom>
          <a:noFill/>
        </p:spPr>
        <p:txBody>
          <a:bodyPr lIns="91440" tIns="0" bIns="0" anchor="b"/>
          <a:lstStyle>
            <a:lvl1pPr marL="0" indent="0" algn="l">
              <a:buNone/>
              <a:defRPr sz="1200" b="0" spc="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ollow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2979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5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/>
      <p:bldP spid="16" grpId="0"/>
    </p:bldLst>
  </p:timing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357227" y="915566"/>
            <a:ext cx="475351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347864" y="486000"/>
            <a:ext cx="477575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ISON SOCIAL 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30"/>
          <p:cNvSpPr>
            <a:spLocks noGrp="1"/>
          </p:cNvSpPr>
          <p:nvPr>
            <p:ph type="body" sz="quarter" idx="126" hasCustomPrompt="1"/>
          </p:nvPr>
        </p:nvSpPr>
        <p:spPr>
          <a:xfrm>
            <a:off x="6608534" y="2426921"/>
            <a:ext cx="1923906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29"/>
          </p:nvPr>
        </p:nvSpPr>
        <p:spPr>
          <a:xfrm>
            <a:off x="6588223" y="2391318"/>
            <a:ext cx="1948349" cy="195456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130" hasCustomPrompt="1"/>
          </p:nvPr>
        </p:nvSpPr>
        <p:spPr>
          <a:xfrm>
            <a:off x="5962419" y="2263308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37"/>
          </p:nvPr>
        </p:nvSpPr>
        <p:spPr>
          <a:xfrm>
            <a:off x="5940152" y="2767363"/>
            <a:ext cx="2448272" cy="956515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38" hasCustomPrompt="1"/>
          </p:nvPr>
        </p:nvSpPr>
        <p:spPr>
          <a:xfrm>
            <a:off x="539552" y="2426921"/>
            <a:ext cx="1872209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139"/>
          </p:nvPr>
        </p:nvSpPr>
        <p:spPr>
          <a:xfrm>
            <a:off x="514757" y="2391318"/>
            <a:ext cx="1895996" cy="195456"/>
          </a:xfrm>
          <a:prstGeom prst="rect">
            <a:avLst/>
          </a:prstGeom>
        </p:spPr>
        <p:txBody>
          <a:bodyPr lIns="109728" tIns="0"/>
          <a:lstStyle>
            <a:lvl1pPr marL="0" indent="0" algn="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2396819" y="2263308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141"/>
          </p:nvPr>
        </p:nvSpPr>
        <p:spPr>
          <a:xfrm>
            <a:off x="539552" y="2767363"/>
            <a:ext cx="2517435" cy="956515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398583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/>
      <p:bldP spid="19" grpId="0"/>
    </p:bldLst>
  </p:timing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27"/>
          <p:cNvSpPr>
            <a:spLocks noGrp="1"/>
          </p:cNvSpPr>
          <p:nvPr>
            <p:ph type="body" sz="quarter" idx="97" hasCustomPrompt="1"/>
          </p:nvPr>
        </p:nvSpPr>
        <p:spPr>
          <a:xfrm>
            <a:off x="902682" y="1840700"/>
            <a:ext cx="172510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sz="13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A </a:t>
            </a:r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99" hasCustomPrompt="1"/>
          </p:nvPr>
        </p:nvSpPr>
        <p:spPr>
          <a:xfrm>
            <a:off x="6703313" y="1840700"/>
            <a:ext cx="172510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r">
              <a:spcBef>
                <a:spcPts val="0"/>
              </a:spcBef>
              <a:buNone/>
              <a:defRPr lang="en-US" sz="1300" b="0" i="0" smtClean="0">
                <a:solidFill>
                  <a:srgbClr val="7F7F7F"/>
                </a:solidFill>
                <a:effectLst/>
                <a:latin typeface="+mj-lt"/>
              </a:defRPr>
            </a:lvl1pPr>
          </a:lstStyle>
          <a:p>
            <a:r>
              <a:rPr lang="en-US" dirty="0" smtClean="0"/>
              <a:t>PRODUCT B </a:t>
            </a:r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854062" y="3655656"/>
            <a:ext cx="2438886" cy="365760"/>
          </a:xfrm>
          <a:prstGeom prst="rect">
            <a:avLst/>
          </a:prstGeom>
        </p:spPr>
        <p:txBody>
          <a:bodyPr lIns="182880" tIns="18288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5870756" y="3660122"/>
            <a:ext cx="2438886" cy="365760"/>
          </a:xfrm>
          <a:prstGeom prst="rect">
            <a:avLst/>
          </a:prstGeom>
        </p:spPr>
        <p:txBody>
          <a:bodyPr lIns="182880" tIns="18288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1926892" y="4313654"/>
            <a:ext cx="940013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100" b="0" i="0" smtClean="0">
                <a:effectLst/>
              </a:defRPr>
            </a:lvl1pPr>
          </a:lstStyle>
          <a:p>
            <a:r>
              <a:rPr lang="en-US" dirty="0" smtClean="0"/>
              <a:t>2014</a:t>
            </a:r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48" hasCustomPrompt="1"/>
          </p:nvPr>
        </p:nvSpPr>
        <p:spPr>
          <a:xfrm>
            <a:off x="2933707" y="4313654"/>
            <a:ext cx="798591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100" b="0" i="0" smtClean="0">
                <a:effectLst/>
              </a:defRPr>
            </a:lvl1pPr>
          </a:lstStyle>
          <a:p>
            <a:r>
              <a:rPr lang="en-US" dirty="0" smtClean="0"/>
              <a:t>2015</a:t>
            </a:r>
          </a:p>
        </p:txBody>
      </p:sp>
      <p:sp>
        <p:nvSpPr>
          <p:cNvPr id="47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3588281" y="4313654"/>
            <a:ext cx="4368095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900" b="0" i="0" smtClean="0">
                <a:solidFill>
                  <a:schemeClr val="bg1">
                    <a:lumMod val="65000"/>
                  </a:schemeClr>
                </a:solidFill>
                <a:effectLst/>
              </a:defRPr>
            </a:lvl1pPr>
          </a:lstStyle>
          <a:p>
            <a:r>
              <a:rPr lang="en-US" dirty="0" smtClean="0"/>
              <a:t>Note : Add text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483768" y="915566"/>
            <a:ext cx="562697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OEXPORTS ARE EXPECTED TO GROW IN 2015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83768" y="486000"/>
            <a:ext cx="563985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NTINENT COMPARISON 01</a:t>
            </a:r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Picture Placeholder 6"/>
          <p:cNvSpPr>
            <a:spLocks noGrp="1"/>
          </p:cNvSpPr>
          <p:nvPr>
            <p:ph type="pic" sz="quarter" idx="150" hasCustomPrompt="1"/>
          </p:nvPr>
        </p:nvSpPr>
        <p:spPr>
          <a:xfrm>
            <a:off x="3292948" y="1779662"/>
            <a:ext cx="2681085" cy="207855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0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969447" y="2752540"/>
            <a:ext cx="974231" cy="8768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Picture Placeholder 6"/>
          <p:cNvSpPr>
            <a:spLocks noGrp="1"/>
          </p:cNvSpPr>
          <p:nvPr>
            <p:ph type="pic" sz="quarter" idx="151" hasCustomPrompt="1"/>
          </p:nvPr>
        </p:nvSpPr>
        <p:spPr>
          <a:xfrm>
            <a:off x="5974033" y="2752540"/>
            <a:ext cx="974231" cy="8768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43"/>
          </p:nvPr>
        </p:nvSpPr>
        <p:spPr>
          <a:xfrm>
            <a:off x="3309798" y="3937806"/>
            <a:ext cx="2664235" cy="218120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11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73664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/>
      <p:bldP spid="30" grpId="0"/>
      <p:bldP spid="31" grpId="0"/>
    </p:bldLst>
  </p:timing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 userDrawn="1"/>
        </p:nvSpPr>
        <p:spPr>
          <a:xfrm>
            <a:off x="5668136" y="2737760"/>
            <a:ext cx="859536" cy="181185"/>
          </a:xfrm>
          <a:prstGeom prst="roundRect">
            <a:avLst>
              <a:gd name="adj" fmla="val 20432"/>
            </a:avLst>
          </a:prstGeom>
          <a:solidFill>
            <a:srgbClr val="9F96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4" name="Rounded Rectangle 13"/>
          <p:cNvSpPr/>
          <p:nvPr userDrawn="1"/>
        </p:nvSpPr>
        <p:spPr>
          <a:xfrm>
            <a:off x="5668136" y="3207228"/>
            <a:ext cx="859536" cy="181185"/>
          </a:xfrm>
          <a:prstGeom prst="roundRect">
            <a:avLst>
              <a:gd name="adj" fmla="val 20432"/>
            </a:avLst>
          </a:prstGeom>
          <a:solidFill>
            <a:srgbClr val="9F96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8" name="Rounded Rectangle 17"/>
          <p:cNvSpPr/>
          <p:nvPr userDrawn="1"/>
        </p:nvSpPr>
        <p:spPr>
          <a:xfrm>
            <a:off x="5668136" y="3681577"/>
            <a:ext cx="859536" cy="181185"/>
          </a:xfrm>
          <a:prstGeom prst="roundRect">
            <a:avLst>
              <a:gd name="adj" fmla="val 20432"/>
            </a:avLst>
          </a:prstGeom>
          <a:solidFill>
            <a:srgbClr val="9F96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endParaRPr lang="th-TH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5680218" y="2743922"/>
            <a:ext cx="822960" cy="161848"/>
          </a:xfrm>
          <a:prstGeom prst="rect">
            <a:avLst/>
          </a:prstGeom>
          <a:noFill/>
        </p:spPr>
        <p:txBody>
          <a:bodyPr wrap="none" lIns="0" tIns="0" r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1-2012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70" hasCustomPrompt="1"/>
          </p:nvPr>
        </p:nvSpPr>
        <p:spPr>
          <a:xfrm>
            <a:off x="5680218" y="3213390"/>
            <a:ext cx="822960" cy="161848"/>
          </a:xfrm>
          <a:prstGeom prst="rect">
            <a:avLst/>
          </a:prstGeom>
          <a:noFill/>
        </p:spPr>
        <p:txBody>
          <a:bodyPr wrap="none" lIns="0" tIns="0" r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2-2013</a:t>
            </a:r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72" hasCustomPrompt="1"/>
          </p:nvPr>
        </p:nvSpPr>
        <p:spPr>
          <a:xfrm>
            <a:off x="5680218" y="3687739"/>
            <a:ext cx="822960" cy="161848"/>
          </a:xfrm>
          <a:prstGeom prst="rect">
            <a:avLst/>
          </a:prstGeom>
          <a:noFill/>
        </p:spPr>
        <p:txBody>
          <a:bodyPr wrap="none" lIns="0" tIns="0" r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3-2014</a:t>
            </a:r>
            <a:endParaRPr lang="en-US" dirty="0"/>
          </a:p>
        </p:txBody>
      </p:sp>
      <p:sp>
        <p:nvSpPr>
          <p:cNvPr id="3" name="Picture Placeholder 6"/>
          <p:cNvSpPr>
            <a:spLocks noGrp="1"/>
          </p:cNvSpPr>
          <p:nvPr>
            <p:ph type="pic" sz="quarter" idx="158" hasCustomPrompt="1"/>
          </p:nvPr>
        </p:nvSpPr>
        <p:spPr>
          <a:xfrm>
            <a:off x="754446" y="1491630"/>
            <a:ext cx="3438048" cy="300632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353810" y="915566"/>
            <a:ext cx="57569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339752" y="486000"/>
            <a:ext cx="5783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NTINENT COMPARISON 02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30"/>
          <p:cNvSpPr>
            <a:spLocks noGrp="1"/>
          </p:cNvSpPr>
          <p:nvPr>
            <p:ph type="body" sz="quarter" idx="157"/>
          </p:nvPr>
        </p:nvSpPr>
        <p:spPr>
          <a:xfrm>
            <a:off x="4427984" y="1923678"/>
            <a:ext cx="3960440" cy="504056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Rounded Rectangle 8"/>
          <p:cNvSpPr/>
          <p:nvPr userDrawn="1"/>
        </p:nvSpPr>
        <p:spPr>
          <a:xfrm>
            <a:off x="5664959" y="2960093"/>
            <a:ext cx="2520000" cy="108000"/>
          </a:xfrm>
          <a:prstGeom prst="roundRect">
            <a:avLst>
              <a:gd name="adj" fmla="val 50000"/>
            </a:avLst>
          </a:prstGeom>
          <a:solidFill>
            <a:srgbClr val="D5D1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3" name="Rounded Rectangle 12"/>
          <p:cNvSpPr/>
          <p:nvPr userDrawn="1"/>
        </p:nvSpPr>
        <p:spPr>
          <a:xfrm>
            <a:off x="5664959" y="3429561"/>
            <a:ext cx="2520000" cy="108000"/>
          </a:xfrm>
          <a:prstGeom prst="roundRect">
            <a:avLst>
              <a:gd name="adj" fmla="val 50000"/>
            </a:avLst>
          </a:prstGeom>
          <a:solidFill>
            <a:srgbClr val="D5D1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7" name="Rounded Rectangle 16"/>
          <p:cNvSpPr/>
          <p:nvPr userDrawn="1"/>
        </p:nvSpPr>
        <p:spPr>
          <a:xfrm>
            <a:off x="5664959" y="3903910"/>
            <a:ext cx="2520000" cy="108000"/>
          </a:xfrm>
          <a:prstGeom prst="roundRect">
            <a:avLst>
              <a:gd name="adj" fmla="val 50000"/>
            </a:avLst>
          </a:prstGeom>
          <a:solidFill>
            <a:srgbClr val="D5D1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163"/>
          </p:nvPr>
        </p:nvSpPr>
        <p:spPr>
          <a:xfrm>
            <a:off x="4427984" y="1682496"/>
            <a:ext cx="1800200" cy="288033"/>
          </a:xfrm>
          <a:prstGeom prst="rect">
            <a:avLst/>
          </a:prstGeom>
          <a:ln w="19050">
            <a:noFill/>
          </a:ln>
        </p:spPr>
        <p:txBody>
          <a:bodyPr lIns="91440" tIns="0" rIns="0" bIns="0" anchor="ctr" anchorCtr="0"/>
          <a:lstStyle>
            <a:lvl1pPr marL="0" indent="0" algn="l">
              <a:buNone/>
              <a:defRPr sz="15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0843506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625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675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4" grpId="0" animBg="1"/>
      <p:bldP spid="18" grpId="0" animBg="1"/>
      <p:bldP spid="1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/>
      <p:bldP spid="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animBg="1"/>
      <p:bldP spid="13" grpId="0" animBg="1"/>
      <p:bldP spid="17" grpId="0" animBg="1"/>
      <p:bldP spid="21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712173" y="915566"/>
            <a:ext cx="539857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699792" y="486000"/>
            <a:ext cx="542382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NTINENT COMPARISON 03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Picture Placeholder 6"/>
          <p:cNvSpPr>
            <a:spLocks noGrp="1"/>
          </p:cNvSpPr>
          <p:nvPr>
            <p:ph type="pic" sz="quarter" idx="150" hasCustomPrompt="1"/>
          </p:nvPr>
        </p:nvSpPr>
        <p:spPr>
          <a:xfrm>
            <a:off x="1150251" y="1571853"/>
            <a:ext cx="1391093" cy="125198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51"/>
          </p:nvPr>
        </p:nvSpPr>
        <p:spPr>
          <a:xfrm>
            <a:off x="1130176" y="3300044"/>
            <a:ext cx="1425600" cy="288033"/>
          </a:xfrm>
          <a:prstGeom prst="rect">
            <a:avLst/>
          </a:prstGeom>
          <a:ln w="19050">
            <a:solidFill>
              <a:srgbClr val="73BCB1"/>
            </a:solidFill>
          </a:ln>
        </p:spPr>
        <p:txBody>
          <a:bodyPr lIns="0" tIns="0" rIns="0" bIns="0" anchor="ctr" anchorCtr="0"/>
          <a:lstStyle>
            <a:lvl1pPr marL="0" indent="0" algn="ctr">
              <a:buNone/>
              <a:defRPr sz="12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8" name="Straight Arrow Connector 7"/>
          <p:cNvCxnSpPr/>
          <p:nvPr userDrawn="1"/>
        </p:nvCxnSpPr>
        <p:spPr>
          <a:xfrm>
            <a:off x="1821264" y="2859782"/>
            <a:ext cx="0" cy="310896"/>
          </a:xfrm>
          <a:prstGeom prst="straightConnector1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30"/>
          <p:cNvSpPr>
            <a:spLocks noGrp="1"/>
          </p:cNvSpPr>
          <p:nvPr>
            <p:ph type="body" sz="quarter" idx="126" hasCustomPrompt="1"/>
          </p:nvPr>
        </p:nvSpPr>
        <p:spPr>
          <a:xfrm>
            <a:off x="1061591" y="3651870"/>
            <a:ext cx="1519345" cy="21602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ct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57"/>
          </p:nvPr>
        </p:nvSpPr>
        <p:spPr>
          <a:xfrm>
            <a:off x="1043608" y="3795886"/>
            <a:ext cx="1605748" cy="64807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58" hasCustomPrompt="1"/>
          </p:nvPr>
        </p:nvSpPr>
        <p:spPr>
          <a:xfrm>
            <a:off x="2987824" y="1563638"/>
            <a:ext cx="1391093" cy="125198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59"/>
          </p:nvPr>
        </p:nvSpPr>
        <p:spPr>
          <a:xfrm>
            <a:off x="2967749" y="3291829"/>
            <a:ext cx="1425600" cy="288033"/>
          </a:xfrm>
          <a:prstGeom prst="rect">
            <a:avLst/>
          </a:prstGeom>
          <a:ln w="19050">
            <a:solidFill>
              <a:srgbClr val="73BCB1"/>
            </a:solidFill>
          </a:ln>
        </p:spPr>
        <p:txBody>
          <a:bodyPr lIns="0" tIns="0" rIns="0" bIns="0" anchor="ctr" anchorCtr="0"/>
          <a:lstStyle>
            <a:lvl1pPr marL="0" indent="0" algn="ctr">
              <a:buNone/>
              <a:defRPr sz="12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13" name="Straight Arrow Connector 12"/>
          <p:cNvCxnSpPr/>
          <p:nvPr userDrawn="1"/>
        </p:nvCxnSpPr>
        <p:spPr>
          <a:xfrm>
            <a:off x="3658837" y="2851567"/>
            <a:ext cx="0" cy="310896"/>
          </a:xfrm>
          <a:prstGeom prst="straightConnector1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 Placeholder 30"/>
          <p:cNvSpPr>
            <a:spLocks noGrp="1"/>
          </p:cNvSpPr>
          <p:nvPr>
            <p:ph type="body" sz="quarter" idx="160" hasCustomPrompt="1"/>
          </p:nvPr>
        </p:nvSpPr>
        <p:spPr>
          <a:xfrm>
            <a:off x="2899164" y="3643655"/>
            <a:ext cx="1519345" cy="21602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ct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61"/>
          </p:nvPr>
        </p:nvSpPr>
        <p:spPr>
          <a:xfrm>
            <a:off x="2881181" y="3787671"/>
            <a:ext cx="1605748" cy="64807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162" hasCustomPrompt="1"/>
          </p:nvPr>
        </p:nvSpPr>
        <p:spPr>
          <a:xfrm>
            <a:off x="4798125" y="1571853"/>
            <a:ext cx="1391093" cy="125198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163"/>
          </p:nvPr>
        </p:nvSpPr>
        <p:spPr>
          <a:xfrm>
            <a:off x="4778050" y="3300044"/>
            <a:ext cx="1425600" cy="288033"/>
          </a:xfrm>
          <a:prstGeom prst="rect">
            <a:avLst/>
          </a:prstGeom>
          <a:ln w="19050">
            <a:solidFill>
              <a:srgbClr val="73BCB1"/>
            </a:solidFill>
          </a:ln>
        </p:spPr>
        <p:txBody>
          <a:bodyPr lIns="0" tIns="0" rIns="0" bIns="0" anchor="ctr" anchorCtr="0"/>
          <a:lstStyle>
            <a:lvl1pPr marL="0" indent="0" algn="ctr">
              <a:buNone/>
              <a:defRPr sz="12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18" name="Straight Arrow Connector 17"/>
          <p:cNvCxnSpPr/>
          <p:nvPr userDrawn="1"/>
        </p:nvCxnSpPr>
        <p:spPr>
          <a:xfrm>
            <a:off x="5469138" y="2859782"/>
            <a:ext cx="0" cy="310896"/>
          </a:xfrm>
          <a:prstGeom prst="straightConnector1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30"/>
          <p:cNvSpPr>
            <a:spLocks noGrp="1"/>
          </p:cNvSpPr>
          <p:nvPr>
            <p:ph type="body" sz="quarter" idx="164" hasCustomPrompt="1"/>
          </p:nvPr>
        </p:nvSpPr>
        <p:spPr>
          <a:xfrm>
            <a:off x="4709465" y="3651870"/>
            <a:ext cx="1519345" cy="21602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ct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165"/>
          </p:nvPr>
        </p:nvSpPr>
        <p:spPr>
          <a:xfrm>
            <a:off x="4691482" y="3795886"/>
            <a:ext cx="1605748" cy="64807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66" hasCustomPrompt="1"/>
          </p:nvPr>
        </p:nvSpPr>
        <p:spPr>
          <a:xfrm>
            <a:off x="6635698" y="1563638"/>
            <a:ext cx="1391093" cy="125198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67"/>
          </p:nvPr>
        </p:nvSpPr>
        <p:spPr>
          <a:xfrm>
            <a:off x="6615623" y="3291829"/>
            <a:ext cx="1425600" cy="288033"/>
          </a:xfrm>
          <a:prstGeom prst="rect">
            <a:avLst/>
          </a:prstGeom>
          <a:ln w="19050">
            <a:solidFill>
              <a:srgbClr val="73BCB1"/>
            </a:solidFill>
          </a:ln>
        </p:spPr>
        <p:txBody>
          <a:bodyPr lIns="0" tIns="0" rIns="0" bIns="0" anchor="ctr" anchorCtr="0"/>
          <a:lstStyle>
            <a:lvl1pPr marL="0" indent="0" algn="ctr">
              <a:buNone/>
              <a:defRPr sz="12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23" name="Straight Arrow Connector 22"/>
          <p:cNvCxnSpPr/>
          <p:nvPr userDrawn="1"/>
        </p:nvCxnSpPr>
        <p:spPr>
          <a:xfrm>
            <a:off x="7306711" y="2851567"/>
            <a:ext cx="0" cy="310896"/>
          </a:xfrm>
          <a:prstGeom prst="straightConnector1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30"/>
          <p:cNvSpPr>
            <a:spLocks noGrp="1"/>
          </p:cNvSpPr>
          <p:nvPr>
            <p:ph type="body" sz="quarter" idx="168" hasCustomPrompt="1"/>
          </p:nvPr>
        </p:nvSpPr>
        <p:spPr>
          <a:xfrm>
            <a:off x="6547038" y="3643655"/>
            <a:ext cx="1519345" cy="21602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ct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69"/>
          </p:nvPr>
        </p:nvSpPr>
        <p:spPr>
          <a:xfrm>
            <a:off x="6529055" y="3787671"/>
            <a:ext cx="1605748" cy="64807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972163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250"/>
                            </p:stCondLst>
                            <p:childTnLst>
                              <p:par>
                                <p:cTn id="29" presetID="22" presetClass="entr" presetSubtype="1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1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22" presetClass="entr" presetSubtype="1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4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22" presetClass="entr" presetSubtype="1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7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1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0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50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625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72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/>
      <p:bldP spid="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/>
      <p:bldP spid="1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/>
      <p:bldP spid="17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/>
      <p:bldP spid="2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6"/>
          <p:cNvSpPr>
            <a:spLocks noGrp="1"/>
          </p:cNvSpPr>
          <p:nvPr>
            <p:ph type="pic" sz="quarter" idx="27" hasCustomPrompt="1"/>
          </p:nvPr>
        </p:nvSpPr>
        <p:spPr>
          <a:xfrm>
            <a:off x="8689853" y="1481328"/>
            <a:ext cx="465306" cy="2306688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839587 h 3248301"/>
              <a:gd name="connsiteX1" fmla="*/ 1322680 w 3005420"/>
              <a:gd name="connsiteY1" fmla="*/ 0 h 3248301"/>
              <a:gd name="connsiteX2" fmla="*/ 3005420 w 3005420"/>
              <a:gd name="connsiteY2" fmla="*/ 3248301 h 3248301"/>
              <a:gd name="connsiteX3" fmla="*/ 12032 w 3005420"/>
              <a:gd name="connsiteY3" fmla="*/ 2682817 h 3248301"/>
              <a:gd name="connsiteX4" fmla="*/ 0 w 3005420"/>
              <a:gd name="connsiteY4" fmla="*/ 839587 h 3248301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12032 w 1322680"/>
              <a:gd name="connsiteY3" fmla="*/ 2682817 h 4493142"/>
              <a:gd name="connsiteX4" fmla="*/ 0 w 1322680"/>
              <a:gd name="connsiteY4" fmla="*/ 839587 h 4493142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44790 w 1322680"/>
              <a:gd name="connsiteY3" fmla="*/ 4238867 h 4493142"/>
              <a:gd name="connsiteX4" fmla="*/ 0 w 1322680"/>
              <a:gd name="connsiteY4" fmla="*/ 839587 h 4493142"/>
              <a:gd name="connsiteX0" fmla="*/ 5157 w 1327837"/>
              <a:gd name="connsiteY0" fmla="*/ 839587 h 4493142"/>
              <a:gd name="connsiteX1" fmla="*/ 1327837 w 1327837"/>
              <a:gd name="connsiteY1" fmla="*/ 0 h 4493142"/>
              <a:gd name="connsiteX2" fmla="*/ 1323491 w 1327837"/>
              <a:gd name="connsiteY2" fmla="*/ 4493142 h 4493142"/>
              <a:gd name="connsiteX3" fmla="*/ 810 w 1327837"/>
              <a:gd name="connsiteY3" fmla="*/ 4189728 h 4493142"/>
              <a:gd name="connsiteX4" fmla="*/ 5157 w 1327837"/>
              <a:gd name="connsiteY4" fmla="*/ 839587 h 4493142"/>
              <a:gd name="connsiteX0" fmla="*/ 5159 w 1327839"/>
              <a:gd name="connsiteY0" fmla="*/ 511998 h 4165553"/>
              <a:gd name="connsiteX1" fmla="*/ 1327839 w 1327839"/>
              <a:gd name="connsiteY1" fmla="*/ 0 h 4165553"/>
              <a:gd name="connsiteX2" fmla="*/ 1323493 w 1327839"/>
              <a:gd name="connsiteY2" fmla="*/ 4165553 h 4165553"/>
              <a:gd name="connsiteX3" fmla="*/ 812 w 1327839"/>
              <a:gd name="connsiteY3" fmla="*/ 3862139 h 4165553"/>
              <a:gd name="connsiteX4" fmla="*/ 5159 w 1327839"/>
              <a:gd name="connsiteY4" fmla="*/ 511998 h 4165553"/>
              <a:gd name="connsiteX0" fmla="*/ 5159 w 1327839"/>
              <a:gd name="connsiteY0" fmla="*/ 511998 h 4378485"/>
              <a:gd name="connsiteX1" fmla="*/ 1327839 w 1327839"/>
              <a:gd name="connsiteY1" fmla="*/ 0 h 4378485"/>
              <a:gd name="connsiteX2" fmla="*/ 1323492 w 1327839"/>
              <a:gd name="connsiteY2" fmla="*/ 4378485 h 4378485"/>
              <a:gd name="connsiteX3" fmla="*/ 812 w 1327839"/>
              <a:gd name="connsiteY3" fmla="*/ 3862139 h 4378485"/>
              <a:gd name="connsiteX4" fmla="*/ 5159 w 1327839"/>
              <a:gd name="connsiteY4" fmla="*/ 511998 h 4378485"/>
              <a:gd name="connsiteX0" fmla="*/ 5157 w 1327837"/>
              <a:gd name="connsiteY0" fmla="*/ 511998 h 4378485"/>
              <a:gd name="connsiteX1" fmla="*/ 1327837 w 1327837"/>
              <a:gd name="connsiteY1" fmla="*/ 0 h 4378485"/>
              <a:gd name="connsiteX2" fmla="*/ 1323490 w 1327837"/>
              <a:gd name="connsiteY2" fmla="*/ 4378485 h 4378485"/>
              <a:gd name="connsiteX3" fmla="*/ 811 w 1327837"/>
              <a:gd name="connsiteY3" fmla="*/ 4292100 h 4378485"/>
              <a:gd name="connsiteX4" fmla="*/ 5157 w 1327837"/>
              <a:gd name="connsiteY4" fmla="*/ 511998 h 4378485"/>
              <a:gd name="connsiteX0" fmla="*/ 5157 w 1628052"/>
              <a:gd name="connsiteY0" fmla="*/ 511998 h 4700956"/>
              <a:gd name="connsiteX1" fmla="*/ 1327837 w 1628052"/>
              <a:gd name="connsiteY1" fmla="*/ 0 h 4700956"/>
              <a:gd name="connsiteX2" fmla="*/ 1628046 w 1628052"/>
              <a:gd name="connsiteY2" fmla="*/ 4700956 h 4700956"/>
              <a:gd name="connsiteX3" fmla="*/ 811 w 1628052"/>
              <a:gd name="connsiteY3" fmla="*/ 4292100 h 4700956"/>
              <a:gd name="connsiteX4" fmla="*/ 5157 w 1628052"/>
              <a:gd name="connsiteY4" fmla="*/ 511998 h 470095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399590 h 4808446"/>
              <a:gd name="connsiteX4" fmla="*/ 5157 w 1632393"/>
              <a:gd name="connsiteY4" fmla="*/ 619488 h 480844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553605 h 4808446"/>
              <a:gd name="connsiteX4" fmla="*/ 5157 w 1632393"/>
              <a:gd name="connsiteY4" fmla="*/ 619488 h 4808446"/>
              <a:gd name="connsiteX0" fmla="*/ 5157 w 1936084"/>
              <a:gd name="connsiteY0" fmla="*/ 619488 h 5154982"/>
              <a:gd name="connsiteX1" fmla="*/ 1632393 w 1936084"/>
              <a:gd name="connsiteY1" fmla="*/ 0 h 5154982"/>
              <a:gd name="connsiteX2" fmla="*/ 1936078 w 1936084"/>
              <a:gd name="connsiteY2" fmla="*/ 5154982 h 5154982"/>
              <a:gd name="connsiteX3" fmla="*/ 811 w 1936084"/>
              <a:gd name="connsiteY3" fmla="*/ 4553605 h 5154982"/>
              <a:gd name="connsiteX4" fmla="*/ 5157 w 1936084"/>
              <a:gd name="connsiteY4" fmla="*/ 619488 h 5154982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0 w 1950222"/>
              <a:gd name="connsiteY0" fmla="*/ 754196 h 5244824"/>
              <a:gd name="connsiteX1" fmla="*/ 1950222 w 1950222"/>
              <a:gd name="connsiteY1" fmla="*/ 0 h 5244824"/>
              <a:gd name="connsiteX2" fmla="*/ 1945875 w 1950222"/>
              <a:gd name="connsiteY2" fmla="*/ 5244824 h 5244824"/>
              <a:gd name="connsiteX3" fmla="*/ 10608 w 1950222"/>
              <a:gd name="connsiteY3" fmla="*/ 4598581 h 5244824"/>
              <a:gd name="connsiteX4" fmla="*/ 0 w 1950222"/>
              <a:gd name="connsiteY4" fmla="*/ 75419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61464"/>
              <a:gd name="connsiteY0" fmla="*/ 76543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65436 h 5244824"/>
              <a:gd name="connsiteX0" fmla="*/ 0 w 1961464"/>
              <a:gd name="connsiteY0" fmla="*/ 75419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5419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57117"/>
              <a:gd name="connsiteY0" fmla="*/ 384217 h 4886085"/>
              <a:gd name="connsiteX1" fmla="*/ 1011857 w 1957117"/>
              <a:gd name="connsiteY1" fmla="*/ 0 h 4886085"/>
              <a:gd name="connsiteX2" fmla="*/ 1957117 w 1957117"/>
              <a:gd name="connsiteY2" fmla="*/ 4886085 h 4886085"/>
              <a:gd name="connsiteX3" fmla="*/ 21850 w 1957117"/>
              <a:gd name="connsiteY3" fmla="*/ 4239842 h 4886085"/>
              <a:gd name="connsiteX4" fmla="*/ 0 w 1957117"/>
              <a:gd name="connsiteY4" fmla="*/ 384217 h 4886085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01307"/>
              <a:gd name="connsiteY0" fmla="*/ 405320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405320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3386 w 1004693"/>
              <a:gd name="connsiteY0" fmla="*/ 373667 h 4569550"/>
              <a:gd name="connsiteX1" fmla="*/ 1004693 w 1004693"/>
              <a:gd name="connsiteY1" fmla="*/ 0 h 4569550"/>
              <a:gd name="connsiteX2" fmla="*/ 1000346 w 1004693"/>
              <a:gd name="connsiteY2" fmla="*/ 4569550 h 4569550"/>
              <a:gd name="connsiteX3" fmla="*/ 4135 w 1004693"/>
              <a:gd name="connsiteY3" fmla="*/ 4218740 h 4569550"/>
              <a:gd name="connsiteX4" fmla="*/ 3386 w 1004693"/>
              <a:gd name="connsiteY4" fmla="*/ 373667 h 4569550"/>
              <a:gd name="connsiteX0" fmla="*/ 3386 w 1004693"/>
              <a:gd name="connsiteY0" fmla="*/ 373667 h 4569550"/>
              <a:gd name="connsiteX1" fmla="*/ 1004693 w 1004693"/>
              <a:gd name="connsiteY1" fmla="*/ 0 h 4569550"/>
              <a:gd name="connsiteX2" fmla="*/ 1000346 w 1004693"/>
              <a:gd name="connsiteY2" fmla="*/ 4569550 h 4569550"/>
              <a:gd name="connsiteX3" fmla="*/ 4135 w 1004693"/>
              <a:gd name="connsiteY3" fmla="*/ 4218740 h 4569550"/>
              <a:gd name="connsiteX4" fmla="*/ 3386 w 1004693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749 w 1001307"/>
              <a:gd name="connsiteY3" fmla="*/ 4218740 h 4569550"/>
              <a:gd name="connsiteX4" fmla="*/ 0 w 1001307"/>
              <a:gd name="connsiteY4" fmla="*/ 373667 h 4569550"/>
              <a:gd name="connsiteX0" fmla="*/ 404 w 1001711"/>
              <a:gd name="connsiteY0" fmla="*/ 373667 h 4569550"/>
              <a:gd name="connsiteX1" fmla="*/ 1001711 w 1001711"/>
              <a:gd name="connsiteY1" fmla="*/ 0 h 4569550"/>
              <a:gd name="connsiteX2" fmla="*/ 997364 w 1001711"/>
              <a:gd name="connsiteY2" fmla="*/ 4569550 h 4569550"/>
              <a:gd name="connsiteX3" fmla="*/ 1153 w 1001711"/>
              <a:gd name="connsiteY3" fmla="*/ 4218740 h 4569550"/>
              <a:gd name="connsiteX4" fmla="*/ 404 w 1001711"/>
              <a:gd name="connsiteY4" fmla="*/ 373667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29292 h 4569550"/>
              <a:gd name="connsiteX4" fmla="*/ 198 w 1012056"/>
              <a:gd name="connsiteY4" fmla="*/ 363118 h 4569550"/>
              <a:gd name="connsiteX0" fmla="*/ 1505 w 1013363"/>
              <a:gd name="connsiteY0" fmla="*/ 363118 h 4569550"/>
              <a:gd name="connsiteX1" fmla="*/ 1013363 w 1013363"/>
              <a:gd name="connsiteY1" fmla="*/ 0 h 4569550"/>
              <a:gd name="connsiteX2" fmla="*/ 1009016 w 1013363"/>
              <a:gd name="connsiteY2" fmla="*/ 4569550 h 4569550"/>
              <a:gd name="connsiteX3" fmla="*/ 12805 w 1013363"/>
              <a:gd name="connsiteY3" fmla="*/ 4229292 h 4569550"/>
              <a:gd name="connsiteX4" fmla="*/ 1505 w 1013363"/>
              <a:gd name="connsiteY4" fmla="*/ 363118 h 4569550"/>
              <a:gd name="connsiteX0" fmla="*/ 1507 w 1013365"/>
              <a:gd name="connsiteY0" fmla="*/ 363118 h 4569550"/>
              <a:gd name="connsiteX1" fmla="*/ 1013365 w 1013365"/>
              <a:gd name="connsiteY1" fmla="*/ 0 h 4569550"/>
              <a:gd name="connsiteX2" fmla="*/ 1009018 w 1013365"/>
              <a:gd name="connsiteY2" fmla="*/ 4569550 h 4569550"/>
              <a:gd name="connsiteX3" fmla="*/ 12807 w 1013365"/>
              <a:gd name="connsiteY3" fmla="*/ 4229292 h 4569550"/>
              <a:gd name="connsiteX4" fmla="*/ 1507 w 1013365"/>
              <a:gd name="connsiteY4" fmla="*/ 363118 h 4569550"/>
              <a:gd name="connsiteX0" fmla="*/ 6812 w 1008119"/>
              <a:gd name="connsiteY0" fmla="*/ 342017 h 4569550"/>
              <a:gd name="connsiteX1" fmla="*/ 1008119 w 1008119"/>
              <a:gd name="connsiteY1" fmla="*/ 0 h 4569550"/>
              <a:gd name="connsiteX2" fmla="*/ 1003772 w 1008119"/>
              <a:gd name="connsiteY2" fmla="*/ 4569550 h 4569550"/>
              <a:gd name="connsiteX3" fmla="*/ 7561 w 1008119"/>
              <a:gd name="connsiteY3" fmla="*/ 4229292 h 4569550"/>
              <a:gd name="connsiteX4" fmla="*/ 6812 w 1008119"/>
              <a:gd name="connsiteY4" fmla="*/ 342017 h 4569550"/>
              <a:gd name="connsiteX0" fmla="*/ 1507 w 1013365"/>
              <a:gd name="connsiteY0" fmla="*/ 363120 h 4569550"/>
              <a:gd name="connsiteX1" fmla="*/ 1013365 w 1013365"/>
              <a:gd name="connsiteY1" fmla="*/ 0 h 4569550"/>
              <a:gd name="connsiteX2" fmla="*/ 1009018 w 1013365"/>
              <a:gd name="connsiteY2" fmla="*/ 4569550 h 4569550"/>
              <a:gd name="connsiteX3" fmla="*/ 12807 w 1013365"/>
              <a:gd name="connsiteY3" fmla="*/ 4229292 h 4569550"/>
              <a:gd name="connsiteX4" fmla="*/ 1507 w 1013365"/>
              <a:gd name="connsiteY4" fmla="*/ 363120 h 4569550"/>
              <a:gd name="connsiteX0" fmla="*/ 1507 w 1009028"/>
              <a:gd name="connsiteY0" fmla="*/ 298946 h 4505376"/>
              <a:gd name="connsiteX1" fmla="*/ 846515 w 1009028"/>
              <a:gd name="connsiteY1" fmla="*/ 0 h 4505376"/>
              <a:gd name="connsiteX2" fmla="*/ 1009018 w 1009028"/>
              <a:gd name="connsiteY2" fmla="*/ 4505376 h 4505376"/>
              <a:gd name="connsiteX3" fmla="*/ 12807 w 1009028"/>
              <a:gd name="connsiteY3" fmla="*/ 4165118 h 4505376"/>
              <a:gd name="connsiteX4" fmla="*/ 1507 w 1009028"/>
              <a:gd name="connsiteY4" fmla="*/ 298946 h 4505376"/>
              <a:gd name="connsiteX0" fmla="*/ 1507 w 846516"/>
              <a:gd name="connsiteY0" fmla="*/ 298946 h 4441202"/>
              <a:gd name="connsiteX1" fmla="*/ 846515 w 846516"/>
              <a:gd name="connsiteY1" fmla="*/ 0 h 4441202"/>
              <a:gd name="connsiteX2" fmla="*/ 842167 w 846516"/>
              <a:gd name="connsiteY2" fmla="*/ 4441202 h 4441202"/>
              <a:gd name="connsiteX3" fmla="*/ 12807 w 846516"/>
              <a:gd name="connsiteY3" fmla="*/ 4165118 h 4441202"/>
              <a:gd name="connsiteX4" fmla="*/ 1507 w 846516"/>
              <a:gd name="connsiteY4" fmla="*/ 298946 h 4441202"/>
              <a:gd name="connsiteX0" fmla="*/ 1507 w 846514"/>
              <a:gd name="connsiteY0" fmla="*/ 298946 h 4441202"/>
              <a:gd name="connsiteX1" fmla="*/ 846515 w 846514"/>
              <a:gd name="connsiteY1" fmla="*/ 0 h 4441202"/>
              <a:gd name="connsiteX2" fmla="*/ 842167 w 846514"/>
              <a:gd name="connsiteY2" fmla="*/ 4441202 h 4441202"/>
              <a:gd name="connsiteX3" fmla="*/ 12807 w 846514"/>
              <a:gd name="connsiteY3" fmla="*/ 4036773 h 4441202"/>
              <a:gd name="connsiteX4" fmla="*/ 1507 w 846514"/>
              <a:gd name="connsiteY4" fmla="*/ 298946 h 4441202"/>
              <a:gd name="connsiteX0" fmla="*/ 1507 w 846516"/>
              <a:gd name="connsiteY0" fmla="*/ 298946 h 4338523"/>
              <a:gd name="connsiteX1" fmla="*/ 846515 w 846516"/>
              <a:gd name="connsiteY1" fmla="*/ 0 h 4338523"/>
              <a:gd name="connsiteX2" fmla="*/ 842167 w 846516"/>
              <a:gd name="connsiteY2" fmla="*/ 4338523 h 4338523"/>
              <a:gd name="connsiteX3" fmla="*/ 12807 w 846516"/>
              <a:gd name="connsiteY3" fmla="*/ 4036773 h 4338523"/>
              <a:gd name="connsiteX4" fmla="*/ 1507 w 846516"/>
              <a:gd name="connsiteY4" fmla="*/ 298946 h 4338523"/>
              <a:gd name="connsiteX0" fmla="*/ 18982 w 863989"/>
              <a:gd name="connsiteY0" fmla="*/ 298946 h 4338523"/>
              <a:gd name="connsiteX1" fmla="*/ 863990 w 863989"/>
              <a:gd name="connsiteY1" fmla="*/ 0 h 4338523"/>
              <a:gd name="connsiteX2" fmla="*/ 859642 w 863989"/>
              <a:gd name="connsiteY2" fmla="*/ 4338523 h 4338523"/>
              <a:gd name="connsiteX3" fmla="*/ 4612 w 863989"/>
              <a:gd name="connsiteY3" fmla="*/ 3959766 h 4338523"/>
              <a:gd name="connsiteX4" fmla="*/ 18982 w 863989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959766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3959766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651734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3651734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651734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4011105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4011105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4011105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4011105 h 4338523"/>
              <a:gd name="connsiteX4" fmla="*/ 14370 w 859379"/>
              <a:gd name="connsiteY4" fmla="*/ 298946 h 4338523"/>
              <a:gd name="connsiteX0" fmla="*/ 27205 w 872212"/>
              <a:gd name="connsiteY0" fmla="*/ 298946 h 4338523"/>
              <a:gd name="connsiteX1" fmla="*/ 872213 w 872212"/>
              <a:gd name="connsiteY1" fmla="*/ 0 h 4338523"/>
              <a:gd name="connsiteX2" fmla="*/ 867865 w 872212"/>
              <a:gd name="connsiteY2" fmla="*/ 4338523 h 4338523"/>
              <a:gd name="connsiteX3" fmla="*/ 0 w 872212"/>
              <a:gd name="connsiteY3" fmla="*/ 3985438 h 4338523"/>
              <a:gd name="connsiteX4" fmla="*/ 27205 w 872212"/>
              <a:gd name="connsiteY4" fmla="*/ 298946 h 4338523"/>
              <a:gd name="connsiteX0" fmla="*/ 27205 w 872214"/>
              <a:gd name="connsiteY0" fmla="*/ 298946 h 4338523"/>
              <a:gd name="connsiteX1" fmla="*/ 872213 w 872214"/>
              <a:gd name="connsiteY1" fmla="*/ 0 h 4338523"/>
              <a:gd name="connsiteX2" fmla="*/ 867865 w 872214"/>
              <a:gd name="connsiteY2" fmla="*/ 4338523 h 4338523"/>
              <a:gd name="connsiteX3" fmla="*/ 0 w 872214"/>
              <a:gd name="connsiteY3" fmla="*/ 3985438 h 4338523"/>
              <a:gd name="connsiteX4" fmla="*/ 27205 w 872214"/>
              <a:gd name="connsiteY4" fmla="*/ 298946 h 4338523"/>
              <a:gd name="connsiteX0" fmla="*/ 27205 w 872212"/>
              <a:gd name="connsiteY0" fmla="*/ 311780 h 4338523"/>
              <a:gd name="connsiteX1" fmla="*/ 872213 w 872212"/>
              <a:gd name="connsiteY1" fmla="*/ 0 h 4338523"/>
              <a:gd name="connsiteX2" fmla="*/ 867865 w 872212"/>
              <a:gd name="connsiteY2" fmla="*/ 4338523 h 4338523"/>
              <a:gd name="connsiteX3" fmla="*/ 0 w 872212"/>
              <a:gd name="connsiteY3" fmla="*/ 3985438 h 4338523"/>
              <a:gd name="connsiteX4" fmla="*/ 27205 w 872212"/>
              <a:gd name="connsiteY4" fmla="*/ 311780 h 4338523"/>
              <a:gd name="connsiteX0" fmla="*/ 248 w 875169"/>
              <a:gd name="connsiteY0" fmla="*/ 326735 h 4338523"/>
              <a:gd name="connsiteX1" fmla="*/ 875168 w 875169"/>
              <a:gd name="connsiteY1" fmla="*/ 0 h 4338523"/>
              <a:gd name="connsiteX2" fmla="*/ 870820 w 875169"/>
              <a:gd name="connsiteY2" fmla="*/ 4338523 h 4338523"/>
              <a:gd name="connsiteX3" fmla="*/ 2955 w 875169"/>
              <a:gd name="connsiteY3" fmla="*/ 3985438 h 4338523"/>
              <a:gd name="connsiteX4" fmla="*/ 248 w 875169"/>
              <a:gd name="connsiteY4" fmla="*/ 326735 h 433852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75169" h="4338523">
                <a:moveTo>
                  <a:pt x="248" y="326735"/>
                </a:moveTo>
                <a:lnTo>
                  <a:pt x="875168" y="0"/>
                </a:lnTo>
                <a:cubicBezTo>
                  <a:pt x="873720" y="4326298"/>
                  <a:pt x="872269" y="55845"/>
                  <a:pt x="870820" y="4338523"/>
                </a:cubicBezTo>
                <a:cubicBezTo>
                  <a:pt x="153711" y="4054735"/>
                  <a:pt x="702582" y="4271193"/>
                  <a:pt x="2955" y="3985438"/>
                </a:cubicBezTo>
                <a:cubicBezTo>
                  <a:pt x="13373" y="817070"/>
                  <a:pt x="-2107" y="3604083"/>
                  <a:pt x="248" y="326735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prstClr val="black">
                <a:alpha val="18000"/>
              </a:prstClr>
            </a:outerShdw>
          </a:effectLst>
        </p:spPr>
        <p:txBody>
          <a:bodyPr anchor="ctr"/>
          <a:lstStyle>
            <a:lvl1pPr marL="119063" indent="-119063" algn="ctr">
              <a:defRPr sz="90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25" hasCustomPrompt="1"/>
          </p:nvPr>
        </p:nvSpPr>
        <p:spPr>
          <a:xfrm>
            <a:off x="7388034" y="1042416"/>
            <a:ext cx="1308749" cy="2988806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7416"/>
              <a:gd name="connsiteY0" fmla="*/ 0 h 3853868"/>
              <a:gd name="connsiteX1" fmla="*/ 1572723 w 1577416"/>
              <a:gd name="connsiteY1" fmla="*/ 743905 h 3853868"/>
              <a:gd name="connsiteX2" fmla="*/ 1575578 w 1577416"/>
              <a:gd name="connsiteY2" fmla="*/ 3367387 h 3853868"/>
              <a:gd name="connsiteX3" fmla="*/ 14136 w 1577416"/>
              <a:gd name="connsiteY3" fmla="*/ 3853868 h 3853868"/>
              <a:gd name="connsiteX4" fmla="*/ 0 w 1577416"/>
              <a:gd name="connsiteY4" fmla="*/ 0 h 3853868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5972"/>
              <a:gd name="connsiteY0" fmla="*/ 0 h 3846716"/>
              <a:gd name="connsiteX1" fmla="*/ 1572723 w 1575972"/>
              <a:gd name="connsiteY1" fmla="*/ 743905 h 3846716"/>
              <a:gd name="connsiteX2" fmla="*/ 1575578 w 1575972"/>
              <a:gd name="connsiteY2" fmla="*/ 3367387 h 3846716"/>
              <a:gd name="connsiteX3" fmla="*/ 6985 w 1575972"/>
              <a:gd name="connsiteY3" fmla="*/ 3846716 h 3846716"/>
              <a:gd name="connsiteX4" fmla="*/ 0 w 1575972"/>
              <a:gd name="connsiteY4" fmla="*/ 0 h 3846716"/>
              <a:gd name="connsiteX0" fmla="*/ 0 w 1669872"/>
              <a:gd name="connsiteY0" fmla="*/ 0 h 3846716"/>
              <a:gd name="connsiteX1" fmla="*/ 1669872 w 1669872"/>
              <a:gd name="connsiteY1" fmla="*/ 926058 h 3846716"/>
              <a:gd name="connsiteX2" fmla="*/ 1575578 w 1669872"/>
              <a:gd name="connsiteY2" fmla="*/ 3367387 h 3846716"/>
              <a:gd name="connsiteX3" fmla="*/ 6985 w 1669872"/>
              <a:gd name="connsiteY3" fmla="*/ 3846716 h 3846716"/>
              <a:gd name="connsiteX4" fmla="*/ 0 w 1669872"/>
              <a:gd name="connsiteY4" fmla="*/ 0 h 3846716"/>
              <a:gd name="connsiteX0" fmla="*/ 0 w 1685001"/>
              <a:gd name="connsiteY0" fmla="*/ 0 h 3846716"/>
              <a:gd name="connsiteX1" fmla="*/ 1669872 w 1685001"/>
              <a:gd name="connsiteY1" fmla="*/ 926058 h 3846716"/>
              <a:gd name="connsiteX2" fmla="*/ 1684870 w 1685001"/>
              <a:gd name="connsiteY2" fmla="*/ 3306669 h 3846716"/>
              <a:gd name="connsiteX3" fmla="*/ 6985 w 1685001"/>
              <a:gd name="connsiteY3" fmla="*/ 3846716 h 3846716"/>
              <a:gd name="connsiteX4" fmla="*/ 0 w 1685001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30753"/>
              <a:gd name="connsiteX1" fmla="*/ 1675030 w 1678279"/>
              <a:gd name="connsiteY1" fmla="*/ 809503 h 3830753"/>
              <a:gd name="connsiteX2" fmla="*/ 1677885 w 1678279"/>
              <a:gd name="connsiteY2" fmla="*/ 3299406 h 3830753"/>
              <a:gd name="connsiteX3" fmla="*/ 0 w 1678279"/>
              <a:gd name="connsiteY3" fmla="*/ 3830753 h 3830753"/>
              <a:gd name="connsiteX4" fmla="*/ 1715 w 1678279"/>
              <a:gd name="connsiteY4" fmla="*/ 0 h 3830753"/>
              <a:gd name="connsiteX0" fmla="*/ 11852 w 1678279"/>
              <a:gd name="connsiteY0" fmla="*/ 0 h 3800341"/>
              <a:gd name="connsiteX1" fmla="*/ 1675030 w 1678279"/>
              <a:gd name="connsiteY1" fmla="*/ 779091 h 3800341"/>
              <a:gd name="connsiteX2" fmla="*/ 1677885 w 1678279"/>
              <a:gd name="connsiteY2" fmla="*/ 3268994 h 3800341"/>
              <a:gd name="connsiteX3" fmla="*/ 0 w 1678279"/>
              <a:gd name="connsiteY3" fmla="*/ 3800341 h 3800341"/>
              <a:gd name="connsiteX4" fmla="*/ 11852 w 1678279"/>
              <a:gd name="connsiteY4" fmla="*/ 0 h 3800341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2119 w 1668546"/>
              <a:gd name="connsiteY0" fmla="*/ 0 h 3810478"/>
              <a:gd name="connsiteX1" fmla="*/ 1665297 w 1668546"/>
              <a:gd name="connsiteY1" fmla="*/ 779091 h 3810478"/>
              <a:gd name="connsiteX2" fmla="*/ 1668152 w 1668546"/>
              <a:gd name="connsiteY2" fmla="*/ 3268994 h 3810478"/>
              <a:gd name="connsiteX3" fmla="*/ 404 w 1668546"/>
              <a:gd name="connsiteY3" fmla="*/ 3810478 h 3810478"/>
              <a:gd name="connsiteX4" fmla="*/ 2119 w 1668546"/>
              <a:gd name="connsiteY4" fmla="*/ 0 h 3810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68546" h="3810478">
                <a:moveTo>
                  <a:pt x="2119" y="0"/>
                </a:moveTo>
                <a:cubicBezTo>
                  <a:pt x="1546065" y="737586"/>
                  <a:pt x="127017" y="39482"/>
                  <a:pt x="1665297" y="779091"/>
                </a:cubicBezTo>
                <a:cubicBezTo>
                  <a:pt x="1665056" y="3232985"/>
                  <a:pt x="1669941" y="638006"/>
                  <a:pt x="1668152" y="3268994"/>
                </a:cubicBezTo>
                <a:lnTo>
                  <a:pt x="404" y="3810478"/>
                </a:lnTo>
                <a:cubicBezTo>
                  <a:pt x="1998" y="230491"/>
                  <a:pt x="-2424" y="3649697"/>
                  <a:pt x="2119" y="0"/>
                </a:cubicBezTo>
                <a:close/>
              </a:path>
            </a:pathLst>
          </a:custGeom>
          <a:solidFill>
            <a:schemeClr val="bg1">
              <a:lumMod val="50000"/>
              <a:alpha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7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4389120" y="1049240"/>
            <a:ext cx="3006361" cy="2979406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8565"/>
              <a:gd name="connsiteY0" fmla="*/ 570692 h 2979406"/>
              <a:gd name="connsiteX1" fmla="*/ 3000211 w 3008565"/>
              <a:gd name="connsiteY1" fmla="*/ 0 h 2979406"/>
              <a:gd name="connsiteX2" fmla="*/ 3005420 w 3008565"/>
              <a:gd name="connsiteY2" fmla="*/ 2979406 h 2979406"/>
              <a:gd name="connsiteX3" fmla="*/ 12032 w 3008565"/>
              <a:gd name="connsiteY3" fmla="*/ 2413922 h 2979406"/>
              <a:gd name="connsiteX4" fmla="*/ 0 w 3008565"/>
              <a:gd name="connsiteY4" fmla="*/ 570692 h 2979406"/>
              <a:gd name="connsiteX0" fmla="*/ 0 w 3005420"/>
              <a:gd name="connsiteY0" fmla="*/ 570692 h 2979406"/>
              <a:gd name="connsiteX1" fmla="*/ 3000211 w 3005420"/>
              <a:gd name="connsiteY1" fmla="*/ 0 h 2979406"/>
              <a:gd name="connsiteX2" fmla="*/ 3005420 w 3005420"/>
              <a:gd name="connsiteY2" fmla="*/ 2979406 h 2979406"/>
              <a:gd name="connsiteX3" fmla="*/ 12032 w 3005420"/>
              <a:gd name="connsiteY3" fmla="*/ 2413922 h 2979406"/>
              <a:gd name="connsiteX4" fmla="*/ 0 w 3005420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6361" h="2979406">
                <a:moveTo>
                  <a:pt x="0" y="570692"/>
                </a:moveTo>
                <a:lnTo>
                  <a:pt x="3000211" y="0"/>
                </a:lnTo>
                <a:cubicBezTo>
                  <a:pt x="3004222" y="2769619"/>
                  <a:pt x="3008233" y="127901"/>
                  <a:pt x="3005420" y="2979406"/>
                </a:cubicBezTo>
                <a:lnTo>
                  <a:pt x="12032" y="2413922"/>
                </a:lnTo>
                <a:cubicBezTo>
                  <a:pt x="8021" y="1799512"/>
                  <a:pt x="4011" y="1185102"/>
                  <a:pt x="0" y="570692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2378584" y="1635646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323528" y="2139702"/>
            <a:ext cx="3384376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>
                <a:latin typeface="TeXGyreHeros" panose="00000500000000000000" pitchFamily="50" charset="0"/>
              </a:rPr>
              <a:t>THE SUMMARY</a:t>
            </a:r>
            <a:endParaRPr lang="en-US" dirty="0">
              <a:latin typeface="TeXGyreHeros" panose="00000500000000000000" pitchFamily="50" charset="0"/>
            </a:endParaRPr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328842" y="2724912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3831336" y="2246400"/>
            <a:ext cx="0" cy="46634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323528" y="2468880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489399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4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500"/>
                            </p:stCondLst>
                            <p:childTnLst>
                              <p:par>
                                <p:cTn id="1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50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8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750"/>
                            </p:stCondLst>
                            <p:childTnLst>
                              <p:par>
                                <p:cTn id="30" presetID="22" presetClass="entr" presetSubtype="2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2" dur="10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9" grpId="0" animBg="1"/>
      <p:bldP spid="8" grpId="0" animBg="1"/>
      <p:bldP spid="12" grpId="0"/>
      <p:bldP spid="1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3563888" y="1203598"/>
            <a:ext cx="118080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" name="Rectangle 2"/>
          <p:cNvSpPr/>
          <p:nvPr userDrawn="1"/>
        </p:nvSpPr>
        <p:spPr>
          <a:xfrm>
            <a:off x="755576" y="1204038"/>
            <a:ext cx="2160240" cy="28803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204"/>
          </p:nvPr>
        </p:nvSpPr>
        <p:spPr>
          <a:xfrm>
            <a:off x="745922" y="1765413"/>
            <a:ext cx="2169894" cy="2318945"/>
          </a:xfrm>
          <a:prstGeom prst="rect">
            <a:avLst/>
          </a:prstGeom>
        </p:spPr>
        <p:txBody>
          <a:bodyPr lIns="180000" rIns="91440" anchor="t"/>
          <a:lstStyle>
            <a:lvl1pPr marL="0" indent="0" algn="l">
              <a:spcBef>
                <a:spcPts val="0"/>
              </a:spcBef>
              <a:buNone/>
              <a:defRPr sz="105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205" hasCustomPrompt="1"/>
          </p:nvPr>
        </p:nvSpPr>
        <p:spPr>
          <a:xfrm>
            <a:off x="3563888" y="2165178"/>
            <a:ext cx="118080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206" hasCustomPrompt="1"/>
          </p:nvPr>
        </p:nvSpPr>
        <p:spPr>
          <a:xfrm>
            <a:off x="3563888" y="3126758"/>
            <a:ext cx="118080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207" hasCustomPrompt="1"/>
          </p:nvPr>
        </p:nvSpPr>
        <p:spPr>
          <a:xfrm>
            <a:off x="4748383" y="120359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08" hasCustomPrompt="1"/>
          </p:nvPr>
        </p:nvSpPr>
        <p:spPr>
          <a:xfrm>
            <a:off x="5932878" y="120359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209" hasCustomPrompt="1"/>
          </p:nvPr>
        </p:nvSpPr>
        <p:spPr>
          <a:xfrm>
            <a:off x="7123176" y="120359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210" hasCustomPrompt="1"/>
          </p:nvPr>
        </p:nvSpPr>
        <p:spPr>
          <a:xfrm>
            <a:off x="4745736" y="216517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11" hasCustomPrompt="1"/>
          </p:nvPr>
        </p:nvSpPr>
        <p:spPr>
          <a:xfrm>
            <a:off x="4745736" y="312675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212" hasCustomPrompt="1"/>
          </p:nvPr>
        </p:nvSpPr>
        <p:spPr>
          <a:xfrm>
            <a:off x="5932878" y="216517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213" hasCustomPrompt="1"/>
          </p:nvPr>
        </p:nvSpPr>
        <p:spPr>
          <a:xfrm>
            <a:off x="5932878" y="312675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214" hasCustomPrompt="1"/>
          </p:nvPr>
        </p:nvSpPr>
        <p:spPr>
          <a:xfrm>
            <a:off x="7123176" y="216517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215" hasCustomPrompt="1"/>
          </p:nvPr>
        </p:nvSpPr>
        <p:spPr>
          <a:xfrm>
            <a:off x="7123176" y="312675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755576" y="1308213"/>
            <a:ext cx="2160240" cy="457200"/>
          </a:xfrm>
          <a:prstGeom prst="rect">
            <a:avLst/>
          </a:prstGeom>
        </p:spPr>
        <p:txBody>
          <a:bodyPr lIns="144000" anchor="b"/>
          <a:lstStyle>
            <a:lvl1pPr marL="0" indent="0" algn="l">
              <a:buNone/>
              <a:defRPr sz="20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UR CLIENTS</a:t>
            </a:r>
            <a:endParaRPr lang="en-US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4736592" y="1203598"/>
            <a:ext cx="0" cy="288032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 userDrawn="1"/>
        </p:nvCxnSpPr>
        <p:spPr>
          <a:xfrm>
            <a:off x="5940152" y="1203598"/>
            <a:ext cx="0" cy="288032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 userDrawn="1"/>
        </p:nvCxnSpPr>
        <p:spPr>
          <a:xfrm>
            <a:off x="7114032" y="1203598"/>
            <a:ext cx="0" cy="288032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 userDrawn="1"/>
        </p:nvCxnSpPr>
        <p:spPr>
          <a:xfrm>
            <a:off x="3563888" y="2176272"/>
            <a:ext cx="4752528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 userDrawn="1"/>
        </p:nvCxnSpPr>
        <p:spPr>
          <a:xfrm>
            <a:off x="3563888" y="3127248"/>
            <a:ext cx="4752528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0529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500"/>
                            </p:stCondLst>
                            <p:childTnLst>
                              <p:par>
                                <p:cTn id="13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1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2750"/>
                            </p:stCondLst>
                            <p:childTnLst>
                              <p:par>
                                <p:cTn id="17" presetID="22" presetClass="entr" presetSubtype="4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9" dur="6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1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6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1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6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2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8" dur="6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8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6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3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8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16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180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19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210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22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23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3" grpId="0" animBg="1"/>
      <p:bldP spid="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/>
      <p:bldP spid="8" grpId="0"/>
      <p:bldP spid="9" grpId="0"/>
      <p:bldP spid="10" grpId="0"/>
      <p:bldP spid="11" grpId="0"/>
      <p:bldP spid="12" grpId="0"/>
      <p:bldP spid="13" grpId="0"/>
      <p:bldP spid="14" grpId="0"/>
      <p:bldP spid="15" grpId="0"/>
      <p:bldP spid="16" grpId="0"/>
      <p:bldP spid="17" grpId="0"/>
      <p:bldP spid="18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3" hasCustomPrompt="1"/>
          </p:nvPr>
        </p:nvSpPr>
        <p:spPr>
          <a:xfrm>
            <a:off x="1691680" y="2690614"/>
            <a:ext cx="5927883" cy="457200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QUESTION &amp; ANSWER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4" hasCustomPrompt="1"/>
          </p:nvPr>
        </p:nvSpPr>
        <p:spPr>
          <a:xfrm>
            <a:off x="1691680" y="3050654"/>
            <a:ext cx="5927883" cy="38519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400" b="0" spc="0" baseline="0">
                <a:solidFill>
                  <a:srgbClr val="968C82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Feel free to ask me now, or email me after the presenta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27176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2412000" y="414000"/>
            <a:ext cx="601563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TACT US 01</a:t>
            </a:r>
            <a:endParaRPr lang="en-US" dirty="0"/>
          </a:p>
        </p:txBody>
      </p:sp>
      <p:cxnSp>
        <p:nvCxnSpPr>
          <p:cNvPr id="4" name="Straight Connector 3"/>
          <p:cNvCxnSpPr/>
          <p:nvPr userDrawn="1"/>
        </p:nvCxnSpPr>
        <p:spPr>
          <a:xfrm>
            <a:off x="8513064" y="548640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2440800" y="832104"/>
            <a:ext cx="6015632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ET IN TOUCH WITH US WITH THE BALL ROLLING</a:t>
            </a:r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91"/>
          </p:nvPr>
        </p:nvSpPr>
        <p:spPr>
          <a:xfrm>
            <a:off x="4283967" y="1615467"/>
            <a:ext cx="4229097" cy="2799675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0" indent="0" algn="ctr">
              <a:buNone/>
              <a:defRPr lang="th-TH" sz="1100" b="0" i="0" u="none" strike="noStrike" baseline="0" smtClean="0"/>
            </a:lvl1pPr>
          </a:lstStyle>
          <a:p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1049769" y="1792224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204"/>
          </p:nvPr>
        </p:nvSpPr>
        <p:spPr>
          <a:xfrm>
            <a:off x="1691680" y="1792224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209" hasCustomPrompt="1"/>
          </p:nvPr>
        </p:nvSpPr>
        <p:spPr>
          <a:xfrm>
            <a:off x="1049769" y="3291830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210"/>
          </p:nvPr>
        </p:nvSpPr>
        <p:spPr>
          <a:xfrm>
            <a:off x="1691680" y="3291830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211" hasCustomPrompt="1"/>
          </p:nvPr>
        </p:nvSpPr>
        <p:spPr>
          <a:xfrm>
            <a:off x="1049769" y="3778175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12"/>
          </p:nvPr>
        </p:nvSpPr>
        <p:spPr>
          <a:xfrm>
            <a:off x="1691680" y="3778175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13" hasCustomPrompt="1"/>
          </p:nvPr>
        </p:nvSpPr>
        <p:spPr>
          <a:xfrm>
            <a:off x="1049769" y="2283718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14"/>
          </p:nvPr>
        </p:nvSpPr>
        <p:spPr>
          <a:xfrm>
            <a:off x="1691680" y="2283718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215" hasCustomPrompt="1"/>
          </p:nvPr>
        </p:nvSpPr>
        <p:spPr>
          <a:xfrm>
            <a:off x="1049769" y="2787774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216"/>
          </p:nvPr>
        </p:nvSpPr>
        <p:spPr>
          <a:xfrm>
            <a:off x="1691680" y="2787774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377362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3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575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4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65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5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7" grpId="0"/>
      <p:bldP spid="8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/>
      <p:bldP spid="10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/>
      <p:bldP spid="12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/>
      <p:bldP spid="14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/>
      <p:bldP spid="16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2627784" y="414000"/>
            <a:ext cx="5799610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TACT US 02</a:t>
            </a:r>
            <a:endParaRPr lang="en-US" dirty="0"/>
          </a:p>
        </p:txBody>
      </p:sp>
      <p:cxnSp>
        <p:nvCxnSpPr>
          <p:cNvPr id="3" name="Straight Connector 2"/>
          <p:cNvCxnSpPr/>
          <p:nvPr userDrawn="1"/>
        </p:nvCxnSpPr>
        <p:spPr>
          <a:xfrm>
            <a:off x="8513064" y="548640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2656800" y="832104"/>
            <a:ext cx="5799608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ET IN TOUCH WITH US WITH THE BALL ROLLING</a:t>
            </a:r>
          </a:p>
        </p:txBody>
      </p:sp>
      <p:sp>
        <p:nvSpPr>
          <p:cNvPr id="5" name="Oval 4"/>
          <p:cNvSpPr/>
          <p:nvPr userDrawn="1"/>
        </p:nvSpPr>
        <p:spPr>
          <a:xfrm>
            <a:off x="1966379" y="1649223"/>
            <a:ext cx="794818" cy="79481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547664" y="2488375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MAIL US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91"/>
          </p:nvPr>
        </p:nvSpPr>
        <p:spPr>
          <a:xfrm>
            <a:off x="683568" y="3291830"/>
            <a:ext cx="5796136" cy="185167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0" indent="0" algn="ctr">
              <a:buNone/>
              <a:defRPr lang="th-TH" sz="1100" b="0" i="0" u="none" strike="noStrike" baseline="0" smtClean="0"/>
            </a:lvl1pPr>
          </a:lstStyle>
          <a:p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2048256" y="1773936"/>
            <a:ext cx="612028" cy="55082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203"/>
          </p:nvPr>
        </p:nvSpPr>
        <p:spPr>
          <a:xfrm>
            <a:off x="6516216" y="3291830"/>
            <a:ext cx="1977143" cy="1851670"/>
          </a:xfrm>
          <a:prstGeom prst="rect">
            <a:avLst/>
          </a:prstGeom>
        </p:spPr>
        <p:txBody>
          <a:bodyPr lIns="182880" rIns="0" anchor="ctr"/>
          <a:lstStyle>
            <a:lvl1pPr marL="0" indent="0" algn="l">
              <a:spcBef>
                <a:spcPts val="0"/>
              </a:spcBef>
              <a:buNone/>
              <a:defRPr sz="10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204"/>
          </p:nvPr>
        </p:nvSpPr>
        <p:spPr>
          <a:xfrm>
            <a:off x="1547664" y="2643758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" name="Oval 10"/>
          <p:cNvSpPr/>
          <p:nvPr userDrawn="1"/>
        </p:nvSpPr>
        <p:spPr>
          <a:xfrm>
            <a:off x="3501293" y="1649223"/>
            <a:ext cx="794818" cy="79481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05" hasCustomPrompt="1"/>
          </p:nvPr>
        </p:nvSpPr>
        <p:spPr>
          <a:xfrm>
            <a:off x="3082578" y="2488375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HONE</a:t>
            </a:r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06" hasCustomPrompt="1"/>
          </p:nvPr>
        </p:nvSpPr>
        <p:spPr>
          <a:xfrm>
            <a:off x="3593592" y="1773936"/>
            <a:ext cx="612028" cy="55082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07"/>
          </p:nvPr>
        </p:nvSpPr>
        <p:spPr>
          <a:xfrm>
            <a:off x="3082578" y="2643758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5" name="Oval 14"/>
          <p:cNvSpPr/>
          <p:nvPr userDrawn="1"/>
        </p:nvSpPr>
        <p:spPr>
          <a:xfrm>
            <a:off x="5065118" y="1649223"/>
            <a:ext cx="794818" cy="79481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208" hasCustomPrompt="1"/>
          </p:nvPr>
        </p:nvSpPr>
        <p:spPr>
          <a:xfrm>
            <a:off x="4646403" y="2488375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WITTER</a:t>
            </a:r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209" hasCustomPrompt="1"/>
          </p:nvPr>
        </p:nvSpPr>
        <p:spPr>
          <a:xfrm>
            <a:off x="5148072" y="1773936"/>
            <a:ext cx="612028" cy="55082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10"/>
          </p:nvPr>
        </p:nvSpPr>
        <p:spPr>
          <a:xfrm>
            <a:off x="4646403" y="2643758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9" name="Oval 18"/>
          <p:cNvSpPr/>
          <p:nvPr userDrawn="1"/>
        </p:nvSpPr>
        <p:spPr>
          <a:xfrm>
            <a:off x="6600032" y="1649223"/>
            <a:ext cx="794818" cy="79481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11" hasCustomPrompt="1"/>
          </p:nvPr>
        </p:nvSpPr>
        <p:spPr>
          <a:xfrm>
            <a:off x="6181317" y="2488375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FACEBOOK</a:t>
            </a:r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212" hasCustomPrompt="1"/>
          </p:nvPr>
        </p:nvSpPr>
        <p:spPr>
          <a:xfrm>
            <a:off x="6684264" y="1773936"/>
            <a:ext cx="612028" cy="55082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213"/>
          </p:nvPr>
        </p:nvSpPr>
        <p:spPr>
          <a:xfrm>
            <a:off x="6181317" y="2643758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72154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3750"/>
                            </p:stCondLst>
                            <p:childTnLst>
                              <p:par>
                                <p:cTn id="37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0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53" presetClass="entr" presetSubtype="16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4250"/>
                            </p:stCondLst>
                            <p:childTnLst>
                              <p:par>
                                <p:cTn id="58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0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5" dur="500" fill="hold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6" dur="500" fill="hold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1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53" presetClass="entr" presetSubtype="16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7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4750"/>
                            </p:stCondLst>
                            <p:childTnLst>
                              <p:par>
                                <p:cTn id="79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6" dur="500" fill="hold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7" dur="500" fill="hold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1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2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53" presetClass="entr" presetSubtype="16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7" dur="500" fill="hold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9" fill="hold">
                            <p:stCondLst>
                              <p:cond delay="5250"/>
                            </p:stCondLst>
                            <p:childTnLst>
                              <p:par>
                                <p:cTn id="10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6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6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6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8" grpId="0"/>
      <p:bldP spid="10" grpId="0" build="p">
        <p:tmplLst>
          <p:tmpl lvl="1">
            <p:tnLst>
              <p:par>
                <p:cTn presetID="53" presetClass="entr" presetSubtype="16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0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0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12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2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2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/>
      <p:bldP spid="14" grpId="0" build="p">
        <p:tmplLst>
          <p:tmpl lvl="1">
            <p:tnLst>
              <p:par>
                <p:cTn presetID="53" presetClass="entr" presetSubtype="16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4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4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/>
      <p:bldP spid="16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6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6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/>
      <p:bldP spid="18" grpId="0" build="p">
        <p:tmplLst>
          <p:tmpl lvl="1">
            <p:tnLst>
              <p:par>
                <p:cTn presetID="53" presetClass="entr" presetSubtype="16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8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8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/>
      <p:bldP spid="20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20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20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/>
      <p:bldP spid="22" grpId="0" build="p">
        <p:tmplLst>
          <p:tmpl lvl="1">
            <p:tnLst>
              <p:par>
                <p:cTn presetID="53" presetClass="entr" presetSubtype="16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22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22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613176" y="1707654"/>
            <a:ext cx="3970518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534179" y="3219822"/>
            <a:ext cx="4046160" cy="1440160"/>
          </a:xfrm>
          <a:prstGeom prst="rect">
            <a:avLst/>
          </a:prstGeom>
        </p:spPr>
        <p:txBody>
          <a:bodyPr tIns="18288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572000" y="1707654"/>
            <a:ext cx="3970518" cy="1555825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39496" y="832104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 PICTURES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OUR MISSION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270248" y="530352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10127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1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/>
      <p:bldP spid="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2483768" y="414000"/>
            <a:ext cx="5943626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TACT US 03</a:t>
            </a:r>
            <a:endParaRPr lang="en-US" dirty="0"/>
          </a:p>
        </p:txBody>
      </p:sp>
      <p:cxnSp>
        <p:nvCxnSpPr>
          <p:cNvPr id="4" name="Straight Connector 3"/>
          <p:cNvCxnSpPr/>
          <p:nvPr userDrawn="1"/>
        </p:nvCxnSpPr>
        <p:spPr>
          <a:xfrm>
            <a:off x="8513064" y="548640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2512800" y="832104"/>
            <a:ext cx="5943625" cy="362769"/>
          </a:xfrm>
          <a:prstGeom prst="rect">
            <a:avLst/>
          </a:prstGeom>
        </p:spPr>
        <p:txBody>
          <a:bodyPr lIns="91440" rIns="128016"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GET IN TOUCH WITH US WITH THE BALL ROLLING</a:t>
            </a:r>
          </a:p>
        </p:txBody>
      </p:sp>
      <p:sp>
        <p:nvSpPr>
          <p:cNvPr id="6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1331640" y="4189310"/>
            <a:ext cx="6840760" cy="437759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00"/>
          </p:nvPr>
        </p:nvSpPr>
        <p:spPr>
          <a:xfrm>
            <a:off x="1331640" y="3939902"/>
            <a:ext cx="6840760" cy="270901"/>
          </a:xfrm>
          <a:prstGeom prst="rect">
            <a:avLst/>
          </a:prstGeom>
        </p:spPr>
        <p:txBody>
          <a:bodyPr lIns="64008" rIns="0"/>
          <a:lstStyle>
            <a:lvl1pPr marL="0" indent="0" algn="l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91"/>
          </p:nvPr>
        </p:nvSpPr>
        <p:spPr>
          <a:xfrm>
            <a:off x="1115616" y="1491630"/>
            <a:ext cx="8028384" cy="223224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0" indent="0" algn="ctr">
              <a:buNone/>
              <a:defRPr lang="th-TH" sz="1100" b="0" i="0" u="none" strike="noStrike" baseline="0" smtClean="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789460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</p:bldLst>
  </p:timing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1691680" y="2139702"/>
            <a:ext cx="5799610" cy="72008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44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ANK YOU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1691680" y="2787774"/>
            <a:ext cx="5799608" cy="362769"/>
          </a:xfrm>
          <a:prstGeom prst="rect">
            <a:avLst/>
          </a:prstGeom>
        </p:spPr>
        <p:txBody>
          <a:bodyPr lIns="91440" rIns="128016"/>
          <a:lstStyle>
            <a:lvl1pPr marL="0" indent="0" algn="ct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or being here today</a:t>
            </a:r>
          </a:p>
        </p:txBody>
      </p:sp>
      <p:sp>
        <p:nvSpPr>
          <p:cNvPr id="5" name="Left Brace 4"/>
          <p:cNvSpPr/>
          <p:nvPr userDrawn="1"/>
        </p:nvSpPr>
        <p:spPr>
          <a:xfrm>
            <a:off x="2483768" y="2176272"/>
            <a:ext cx="183657" cy="1006119"/>
          </a:xfrm>
          <a:prstGeom prst="leftBrace">
            <a:avLst>
              <a:gd name="adj1" fmla="val 67639"/>
              <a:gd name="adj2" fmla="val 49038"/>
            </a:avLst>
          </a:prstGeom>
          <a:ln w="571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Left Brace 5"/>
          <p:cNvSpPr/>
          <p:nvPr userDrawn="1"/>
        </p:nvSpPr>
        <p:spPr>
          <a:xfrm rot="10800000">
            <a:off x="6516216" y="2176272"/>
            <a:ext cx="185702" cy="1008112"/>
          </a:xfrm>
          <a:prstGeom prst="leftBrace">
            <a:avLst>
              <a:gd name="adj1" fmla="val 67639"/>
              <a:gd name="adj2" fmla="val 49038"/>
            </a:avLst>
          </a:prstGeom>
          <a:ln w="571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20938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750"/>
                            </p:stCondLst>
                            <p:childTnLst>
                              <p:par>
                                <p:cTn id="1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8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6" grpId="0" animBg="1"/>
    </p:bldLst>
  </p:timing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0" y="0"/>
            <a:ext cx="9144000" cy="51435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r>
              <a:rPr lang="en-US" dirty="0" smtClean="0"/>
              <a:t>.     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827585" y="3510583"/>
            <a:ext cx="5259042" cy="720080"/>
          </a:xfrm>
          <a:prstGeom prst="rect">
            <a:avLst/>
          </a:prstGeom>
          <a:noFill/>
        </p:spPr>
        <p:txBody>
          <a:bodyPr/>
          <a:lstStyle>
            <a:lvl1pPr marL="0" indent="0" algn="l">
              <a:buNone/>
              <a:defRPr sz="44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ANK YOU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827584" y="4155926"/>
            <a:ext cx="5259041" cy="362769"/>
          </a:xfrm>
          <a:prstGeom prst="rect">
            <a:avLst/>
          </a:prstGeom>
          <a:noFill/>
        </p:spPr>
        <p:txBody>
          <a:bodyPr lIns="91440" rIns="128016"/>
          <a:lstStyle>
            <a:lvl1pPr marL="0" indent="0" algn="l">
              <a:buNone/>
              <a:defRPr sz="16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or being here today</a:t>
            </a:r>
          </a:p>
        </p:txBody>
      </p:sp>
    </p:spTree>
    <p:extLst>
      <p:ext uri="{BB962C8B-B14F-4D97-AF65-F5344CB8AC3E}">
        <p14:creationId xmlns:p14="http://schemas.microsoft.com/office/powerpoint/2010/main" val="38822117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0" y="2139702"/>
            <a:ext cx="7491290" cy="720080"/>
          </a:xfrm>
          <a:prstGeom prst="rect">
            <a:avLst/>
          </a:prstGeom>
          <a:solidFill>
            <a:srgbClr val="73BCB1"/>
          </a:solidFill>
        </p:spPr>
        <p:txBody>
          <a:bodyPr/>
          <a:lstStyle>
            <a:lvl1pPr marL="0" indent="0" algn="r">
              <a:buNone/>
              <a:defRPr sz="44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ANK YOU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1" y="2859782"/>
            <a:ext cx="7491287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or being here today</a:t>
            </a: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0" y="3219822"/>
            <a:ext cx="7498080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695384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750"/>
                            </p:stCondLst>
                            <p:childTnLst>
                              <p:par>
                                <p:cTn id="12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" dur="75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513119" y="1619125"/>
            <a:ext cx="3885353" cy="145668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29768" y="3075806"/>
            <a:ext cx="4130096" cy="1456682"/>
          </a:xfrm>
          <a:prstGeom prst="rect">
            <a:avLst/>
          </a:prstGeom>
        </p:spPr>
        <p:txBody>
          <a:bodyPr tIns="18288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773871" y="3075806"/>
            <a:ext cx="3885353" cy="145668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4700016" y="1619124"/>
            <a:ext cx="4130096" cy="1456682"/>
          </a:xfrm>
          <a:prstGeom prst="rect">
            <a:avLst/>
          </a:prstGeom>
        </p:spPr>
        <p:txBody>
          <a:bodyPr tIns="18288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39496" y="822960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 PICTURES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VISION</a:t>
            </a:r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4270248" y="530352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953144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6250"/>
                            </p:stCondLst>
                            <p:childTnLst>
                              <p:par>
                                <p:cTn id="2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0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/>
      <p:bldP spid="17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741887" y="627534"/>
            <a:ext cx="3172842" cy="288031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4202761" y="483518"/>
            <a:ext cx="4329679" cy="1224136"/>
          </a:xfrm>
          <a:prstGeom prst="rect">
            <a:avLst/>
          </a:prstGeom>
        </p:spPr>
        <p:txBody>
          <a:bodyPr lIns="182880" tIns="91440" anchor="ctr"/>
          <a:lstStyle>
            <a:lvl1pPr marL="0" indent="0" algn="l">
              <a:spcBef>
                <a:spcPts val="0"/>
              </a:spcBef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4139952" y="195486"/>
            <a:ext cx="0" cy="2069707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71089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17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570507" y="699542"/>
            <a:ext cx="4001493" cy="36004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702304" y="3579862"/>
            <a:ext cx="4046160" cy="720080"/>
          </a:xfrm>
          <a:prstGeom prst="rect">
            <a:avLst/>
          </a:prstGeom>
        </p:spPr>
        <p:txBody>
          <a:bodyPr tIns="9144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788024" y="2240280"/>
            <a:ext cx="3825624" cy="1153867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4846320" y="603504"/>
            <a:ext cx="3902144" cy="1512169"/>
          </a:xfrm>
          <a:prstGeom prst="rect">
            <a:avLst/>
          </a:prstGeom>
        </p:spPr>
        <p:txBody>
          <a:bodyPr tIns="9144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4788024" y="699542"/>
            <a:ext cx="0" cy="1374849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 userDrawn="1"/>
        </p:nvCxnSpPr>
        <p:spPr>
          <a:xfrm>
            <a:off x="4788024" y="3538728"/>
            <a:ext cx="3825624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204150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0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425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5250"/>
                            </p:stCondLst>
                            <p:childTnLst>
                              <p:par>
                                <p:cTn id="25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7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1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/>
      <p:bldP spid="17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84000" y="1720800"/>
            <a:ext cx="974160" cy="885600"/>
          </a:xfrm>
          <a:prstGeom prst="rect">
            <a:avLst/>
          </a:prstGeom>
        </p:spPr>
      </p:pic>
      <p:sp>
        <p:nvSpPr>
          <p:cNvPr id="21" name="Text Placeholder 27"/>
          <p:cNvSpPr>
            <a:spLocks noGrp="1"/>
          </p:cNvSpPr>
          <p:nvPr>
            <p:ph type="body" sz="quarter" idx="184"/>
          </p:nvPr>
        </p:nvSpPr>
        <p:spPr>
          <a:xfrm>
            <a:off x="3874747" y="2211710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F958A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83"/>
          </p:nvPr>
        </p:nvSpPr>
        <p:spPr>
          <a:xfrm>
            <a:off x="3874747" y="1773936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F958A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714160" y="1225296"/>
            <a:ext cx="281795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83568" y="786384"/>
            <a:ext cx="283113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GENDA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3675868" y="915566"/>
            <a:ext cx="0" cy="83210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Oval 6"/>
          <p:cNvSpPr/>
          <p:nvPr userDrawn="1"/>
        </p:nvSpPr>
        <p:spPr>
          <a:xfrm>
            <a:off x="3630148" y="1828800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3675868" y="2011680"/>
            <a:ext cx="0" cy="1828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/>
          <p:cNvSpPr/>
          <p:nvPr userDrawn="1"/>
        </p:nvSpPr>
        <p:spPr>
          <a:xfrm>
            <a:off x="3630148" y="2286000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3675868" y="2468880"/>
            <a:ext cx="0" cy="1828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val 12"/>
          <p:cNvSpPr/>
          <p:nvPr userDrawn="1"/>
        </p:nvSpPr>
        <p:spPr>
          <a:xfrm>
            <a:off x="3630148" y="2743760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3675868" y="2926080"/>
            <a:ext cx="0" cy="1828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val 14"/>
          <p:cNvSpPr/>
          <p:nvPr userDrawn="1"/>
        </p:nvSpPr>
        <p:spPr>
          <a:xfrm>
            <a:off x="3630148" y="3200400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85"/>
          </p:nvPr>
        </p:nvSpPr>
        <p:spPr>
          <a:xfrm>
            <a:off x="3874747" y="2706624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86"/>
          </p:nvPr>
        </p:nvSpPr>
        <p:spPr>
          <a:xfrm>
            <a:off x="3874747" y="3147814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F958A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87"/>
          </p:nvPr>
        </p:nvSpPr>
        <p:spPr>
          <a:xfrm>
            <a:off x="3874747" y="3611880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88"/>
          </p:nvPr>
        </p:nvSpPr>
        <p:spPr>
          <a:xfrm>
            <a:off x="3874747" y="4069080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820447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 nodePh="1">
                                  <p:stCondLst>
                                    <p:cond delay="1000"/>
                                  </p:stCondLst>
                                  <p:endCondLst>
                                    <p:cond evt="begin" delay="0">
                                      <p:tn val="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2000"/>
                            </p:stCondLst>
                            <p:childTnLst>
                              <p:par>
                                <p:cTn id="12" presetID="10" presetClass="entr" presetSubtype="0" fill="hold" nodeType="after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6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3300"/>
                            </p:stCondLst>
                            <p:childTnLst>
                              <p:par>
                                <p:cTn id="16" presetID="22" presetClass="entr" presetSubtype="1" fill="hold" nodeType="after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1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6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700"/>
                            </p:stCondLst>
                            <p:childTnLst>
                              <p:par>
                                <p:cTn id="27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2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6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6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5800"/>
                            </p:stCondLst>
                            <p:childTnLst>
                              <p:par>
                                <p:cTn id="38" presetID="22" presetClass="entr" presetSubtype="1" fill="hold" nodeType="after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60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6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4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200"/>
                            </p:stCondLst>
                            <p:childTnLst>
                              <p:par>
                                <p:cTn id="49" presetID="22" presetClass="entr" presetSubtype="1" fill="hold" nodeType="after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800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6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8" dur="5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1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6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4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0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11" grpId="0" animBg="1"/>
      <p:bldP spid="13" grpId="0" animBg="1"/>
      <p:bldP spid="15" grpId="0" animBg="1"/>
      <p:bldP spid="22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570508" y="2147670"/>
            <a:ext cx="4289524" cy="222428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5220072" y="2147670"/>
            <a:ext cx="3528392" cy="2368296"/>
          </a:xfrm>
          <a:prstGeom prst="rect">
            <a:avLst/>
          </a:prstGeom>
        </p:spPr>
        <p:txBody>
          <a:bodyPr tIns="18288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311071" y="627534"/>
            <a:ext cx="4269482" cy="1310994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395536" y="512064"/>
            <a:ext cx="3528392" cy="1368152"/>
          </a:xfrm>
          <a:prstGeom prst="rect">
            <a:avLst/>
          </a:prstGeom>
        </p:spPr>
        <p:txBody>
          <a:bodyPr lIns="137160" tIns="91440" anchor="ctr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5076056" y="2147670"/>
            <a:ext cx="0" cy="22242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 userDrawn="1"/>
        </p:nvCxnSpPr>
        <p:spPr>
          <a:xfrm>
            <a:off x="4087368" y="627534"/>
            <a:ext cx="0" cy="1320138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35729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0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425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5250"/>
                            </p:stCondLst>
                            <p:childTnLst>
                              <p:par>
                                <p:cTn id="25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/>
      <p:bldP spid="17" grpId="0">
        <p:tmplLst>
          <p:tmpl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 userDrawn="1"/>
        </p:nvGrpSpPr>
        <p:grpSpPr>
          <a:xfrm>
            <a:off x="6404275" y="789550"/>
            <a:ext cx="2046554" cy="990111"/>
            <a:chOff x="6404275" y="789550"/>
            <a:chExt cx="2046554" cy="990111"/>
          </a:xfrm>
          <a:solidFill>
            <a:srgbClr val="73BCB1"/>
          </a:solidFill>
        </p:grpSpPr>
        <p:sp>
          <p:nvSpPr>
            <p:cNvPr id="15" name="Rectangular Callout 14"/>
            <p:cNvSpPr/>
            <p:nvPr userDrawn="1"/>
          </p:nvSpPr>
          <p:spPr>
            <a:xfrm rot="5400000">
              <a:off x="6986909" y="315742"/>
              <a:ext cx="990111" cy="1937728"/>
            </a:xfrm>
            <a:prstGeom prst="wedgeRectCallout">
              <a:avLst>
                <a:gd name="adj1" fmla="val -17429"/>
                <a:gd name="adj2" fmla="val 49719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" name="Right Triangle 3"/>
            <p:cNvSpPr/>
            <p:nvPr userDrawn="1"/>
          </p:nvSpPr>
          <p:spPr>
            <a:xfrm rot="2469014">
              <a:off x="6404275" y="929582"/>
              <a:ext cx="406152" cy="406630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5" name="Group 4"/>
          <p:cNvGrpSpPr/>
          <p:nvPr userDrawn="1"/>
        </p:nvGrpSpPr>
        <p:grpSpPr>
          <a:xfrm>
            <a:off x="827676" y="789550"/>
            <a:ext cx="2058180" cy="3726415"/>
            <a:chOff x="827676" y="789550"/>
            <a:chExt cx="2058180" cy="3726415"/>
          </a:xfrm>
          <a:solidFill>
            <a:srgbClr val="73BCB1"/>
          </a:solidFill>
        </p:grpSpPr>
        <p:sp>
          <p:nvSpPr>
            <p:cNvPr id="4" name="Right Triangle 3"/>
            <p:cNvSpPr/>
            <p:nvPr userDrawn="1"/>
          </p:nvSpPr>
          <p:spPr>
            <a:xfrm rot="13089176">
              <a:off x="2490814" y="992390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Rectangular Callout 17"/>
            <p:cNvSpPr/>
            <p:nvPr userDrawn="1"/>
          </p:nvSpPr>
          <p:spPr>
            <a:xfrm rot="16200000">
              <a:off x="-63424" y="1680650"/>
              <a:ext cx="3726415" cy="1944216"/>
            </a:xfrm>
            <a:prstGeom prst="wedgeRectCallout">
              <a:avLst>
                <a:gd name="adj1" fmla="val 21501"/>
                <a:gd name="adj2" fmla="val 4955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6" name="Group 5"/>
          <p:cNvGrpSpPr/>
          <p:nvPr userDrawn="1"/>
        </p:nvGrpSpPr>
        <p:grpSpPr>
          <a:xfrm>
            <a:off x="6419384" y="2791321"/>
            <a:ext cx="2031445" cy="1661959"/>
            <a:chOff x="6419384" y="2791321"/>
            <a:chExt cx="2031445" cy="1661959"/>
          </a:xfrm>
          <a:solidFill>
            <a:srgbClr val="73BCB1"/>
          </a:solidFill>
        </p:grpSpPr>
        <p:sp>
          <p:nvSpPr>
            <p:cNvPr id="19" name="Right Triangle 3"/>
            <p:cNvSpPr/>
            <p:nvPr userDrawn="1"/>
          </p:nvSpPr>
          <p:spPr>
            <a:xfrm rot="2469014">
              <a:off x="6419384" y="3008817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Rectangular Callout 16"/>
            <p:cNvSpPr/>
            <p:nvPr userDrawn="1"/>
          </p:nvSpPr>
          <p:spPr>
            <a:xfrm rot="5400000">
              <a:off x="6650985" y="2653437"/>
              <a:ext cx="1661959" cy="1937728"/>
            </a:xfrm>
            <a:prstGeom prst="wedgeRectCallout">
              <a:avLst>
                <a:gd name="adj1" fmla="val -21439"/>
                <a:gd name="adj2" fmla="val 50054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19872" y="923363"/>
            <a:ext cx="2487546" cy="3190000"/>
          </a:xfrm>
          <a:prstGeom prst="rect">
            <a:avLst/>
          </a:prstGeom>
          <a:effectLst/>
        </p:spPr>
      </p:pic>
      <p:sp>
        <p:nvSpPr>
          <p:cNvPr id="36" name="Text Placeholder 30"/>
          <p:cNvSpPr>
            <a:spLocks noGrp="1"/>
          </p:cNvSpPr>
          <p:nvPr>
            <p:ph type="body" sz="quarter" idx="65" hasCustomPrompt="1"/>
          </p:nvPr>
        </p:nvSpPr>
        <p:spPr>
          <a:xfrm>
            <a:off x="6588226" y="2783727"/>
            <a:ext cx="1828418" cy="1660233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58" hasCustomPrompt="1"/>
          </p:nvPr>
        </p:nvSpPr>
        <p:spPr>
          <a:xfrm>
            <a:off x="6588226" y="789554"/>
            <a:ext cx="1828418" cy="990110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51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3691536" y="1206749"/>
            <a:ext cx="1960584" cy="258775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60" name="Text Placeholder 30"/>
          <p:cNvSpPr>
            <a:spLocks noGrp="1"/>
          </p:cNvSpPr>
          <p:nvPr>
            <p:ph type="body" sz="quarter" idx="66" hasCustomPrompt="1"/>
          </p:nvPr>
        </p:nvSpPr>
        <p:spPr>
          <a:xfrm>
            <a:off x="871374" y="789553"/>
            <a:ext cx="1828418" cy="3726413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</p:spTree>
    <p:extLst>
      <p:ext uri="{BB962C8B-B14F-4D97-AF65-F5344CB8AC3E}">
        <p14:creationId xmlns:p14="http://schemas.microsoft.com/office/powerpoint/2010/main" val="35395383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75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22" presetClass="entr" presetSubtype="2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250"/>
                            </p:stCondLst>
                            <p:childTnLst>
                              <p:par>
                                <p:cTn id="20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animBg="1"/>
      <p:bldP spid="60" grpId="0">
        <p:tmplLst>
          <p:tmpl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6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0" y="0"/>
            <a:ext cx="2633252" cy="1306658"/>
          </a:xfrm>
          <a:prstGeom prst="rect">
            <a:avLst/>
          </a:prstGeom>
          <a:solidFill>
            <a:srgbClr val="FFFFFF"/>
          </a:solidFill>
        </p:spPr>
        <p:txBody>
          <a:bodyPr lIns="182880" tIns="182880" rIns="182880" anchor="ctr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-2734" y="1303570"/>
            <a:ext cx="5294811" cy="128016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8"/>
          </p:nvPr>
        </p:nvSpPr>
        <p:spPr>
          <a:xfrm>
            <a:off x="-2733" y="3861132"/>
            <a:ext cx="5288950" cy="128373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21"/>
          </p:nvPr>
        </p:nvSpPr>
        <p:spPr>
          <a:xfrm>
            <a:off x="2627784" y="2578608"/>
            <a:ext cx="2664296" cy="1281830"/>
          </a:xfrm>
          <a:prstGeom prst="rect">
            <a:avLst/>
          </a:prstGeom>
          <a:solidFill>
            <a:srgbClr val="FFFFFF"/>
          </a:solidFill>
        </p:spPr>
        <p:txBody>
          <a:bodyPr lIns="182880" rIns="182880" anchor="ctr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5292080" y="-3088"/>
            <a:ext cx="3851920" cy="514795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7777AD"/>
              </a:solidFill>
            </a:endParaRPr>
          </a:p>
        </p:txBody>
      </p:sp>
      <p:sp>
        <p:nvSpPr>
          <p:cNvPr id="17" name="Rectangle 16"/>
          <p:cNvSpPr/>
          <p:nvPr userDrawn="1"/>
        </p:nvSpPr>
        <p:spPr>
          <a:xfrm>
            <a:off x="2625640" y="11902"/>
            <a:ext cx="2663508" cy="1298448"/>
          </a:xfrm>
          <a:prstGeom prst="rect">
            <a:avLst/>
          </a:prstGeom>
          <a:solidFill>
            <a:srgbClr val="EAE6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-11331" y="2589422"/>
            <a:ext cx="2633252" cy="1280160"/>
          </a:xfrm>
          <a:prstGeom prst="rect">
            <a:avLst/>
          </a:prstGeom>
          <a:solidFill>
            <a:srgbClr val="EAE6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Text Placeholder 5"/>
          <p:cNvSpPr>
            <a:spLocks noGrp="1"/>
          </p:cNvSpPr>
          <p:nvPr>
            <p:ph type="body" sz="quarter" idx="29" hasCustomPrompt="1"/>
          </p:nvPr>
        </p:nvSpPr>
        <p:spPr>
          <a:xfrm>
            <a:off x="5662351" y="4035306"/>
            <a:ext cx="3302137" cy="808195"/>
          </a:xfrm>
          <a:prstGeom prst="rect">
            <a:avLst/>
          </a:prstGeom>
        </p:spPr>
        <p:txBody>
          <a:bodyPr lIns="91386" tIns="45696" rIns="91386" bIns="45696">
            <a:normAutofit/>
          </a:bodyPr>
          <a:lstStyle>
            <a:lvl1pPr marL="0" indent="0" algn="r">
              <a:buNone/>
              <a:defRPr sz="1100" b="0">
                <a:solidFill>
                  <a:schemeClr val="bg1">
                    <a:lumMod val="7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5508104" y="470674"/>
            <a:ext cx="320732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b="1" dirty="0" smtClean="0"/>
              <a:t>OUR CULTURE</a:t>
            </a:r>
            <a:endParaRPr lang="en-US" sz="6600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5662350" y="3809217"/>
            <a:ext cx="3296275" cy="226089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00" b="1" spc="100" baseline="0">
                <a:solidFill>
                  <a:schemeClr val="bg1">
                    <a:lumMod val="7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859441" y="585216"/>
            <a:ext cx="0" cy="576072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5508105" y="905256"/>
            <a:ext cx="3207320" cy="362769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rgbClr val="FFFFF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63008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2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825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95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0250"/>
                            </p:stCondLst>
                            <p:childTnLst>
                              <p:par>
                                <p:cTn id="36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11500"/>
                            </p:stCondLst>
                            <p:childTnLst>
                              <p:par>
                                <p:cTn id="4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2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12250"/>
                            </p:stCondLst>
                            <p:childTnLst>
                              <p:par>
                                <p:cTn id="44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6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13500"/>
                            </p:stCondLst>
                            <p:childTnLst>
                              <p:par>
                                <p:cTn id="4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5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animBg="1"/>
      <p:bldP spid="28" grpId="0" animBg="1"/>
      <p:bldP spid="32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animBg="1"/>
      <p:bldP spid="17" grpId="0" animBg="1"/>
      <p:bldP spid="18" grpId="0" animBg="1"/>
      <p:bldP spid="36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/>
          <p:cNvSpPr/>
          <p:nvPr userDrawn="1"/>
        </p:nvSpPr>
        <p:spPr>
          <a:xfrm>
            <a:off x="6870163" y="3866868"/>
            <a:ext cx="2273837" cy="1271826"/>
          </a:xfrm>
          <a:prstGeom prst="rect">
            <a:avLst/>
          </a:prstGeom>
          <a:solidFill>
            <a:srgbClr val="EAE6E8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9" name="Rectangle 18"/>
          <p:cNvSpPr/>
          <p:nvPr userDrawn="1"/>
        </p:nvSpPr>
        <p:spPr>
          <a:xfrm>
            <a:off x="6869577" y="1306947"/>
            <a:ext cx="2286302" cy="1267157"/>
          </a:xfrm>
          <a:prstGeom prst="rect">
            <a:avLst/>
          </a:prstGeom>
          <a:solidFill>
            <a:srgbClr val="EAE6E8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4572000" y="-3088"/>
            <a:ext cx="4572000" cy="129844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2227283" y="-3088"/>
            <a:ext cx="2353861" cy="1306658"/>
          </a:xfrm>
          <a:prstGeom prst="rect">
            <a:avLst/>
          </a:prstGeom>
          <a:solidFill>
            <a:srgbClr val="FFFFFF"/>
          </a:solidFill>
        </p:spPr>
        <p:txBody>
          <a:bodyPr lIns="182880" tIns="182880" rIns="182880" anchor="ctr"/>
          <a:lstStyle>
            <a:lvl1pPr marL="0" indent="0" algn="r">
              <a:lnSpc>
                <a:spcPct val="100000"/>
              </a:lnSpc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-2733" y="1298448"/>
            <a:ext cx="4572000" cy="128016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7"/>
          </p:nvPr>
        </p:nvSpPr>
        <p:spPr>
          <a:xfrm>
            <a:off x="4572000" y="2581052"/>
            <a:ext cx="4572000" cy="128016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8"/>
          </p:nvPr>
        </p:nvSpPr>
        <p:spPr>
          <a:xfrm>
            <a:off x="-2733" y="3864704"/>
            <a:ext cx="4572000" cy="128016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19"/>
          </p:nvPr>
        </p:nvSpPr>
        <p:spPr>
          <a:xfrm>
            <a:off x="4581144" y="1298448"/>
            <a:ext cx="2288432" cy="1271016"/>
          </a:xfrm>
          <a:prstGeom prst="rect">
            <a:avLst/>
          </a:prstGeom>
          <a:solidFill>
            <a:srgbClr val="FFFFFF"/>
          </a:solidFill>
        </p:spPr>
        <p:txBody>
          <a:bodyPr lIns="182880" rIns="182880" anchor="ctr"/>
          <a:lstStyle>
            <a:lvl1pPr marL="0" indent="0" algn="thaiDist">
              <a:lnSpc>
                <a:spcPct val="100000"/>
              </a:lnSpc>
              <a:spcBef>
                <a:spcPts val="264"/>
              </a:spcBef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20"/>
          </p:nvPr>
        </p:nvSpPr>
        <p:spPr>
          <a:xfrm>
            <a:off x="4583868" y="3867912"/>
            <a:ext cx="2292388" cy="1271016"/>
          </a:xfrm>
          <a:prstGeom prst="rect">
            <a:avLst/>
          </a:prstGeom>
          <a:solidFill>
            <a:srgbClr val="FFFFFF"/>
          </a:solidFill>
        </p:spPr>
        <p:txBody>
          <a:bodyPr lIns="182880" rIns="182880" anchor="ctr"/>
          <a:lstStyle>
            <a:lvl1pPr marL="0" indent="0" algn="thaiDist">
              <a:lnSpc>
                <a:spcPct val="100000"/>
              </a:lnSpc>
              <a:spcBef>
                <a:spcPts val="264"/>
              </a:spcBef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21"/>
          </p:nvPr>
        </p:nvSpPr>
        <p:spPr>
          <a:xfrm>
            <a:off x="2211450" y="2581051"/>
            <a:ext cx="2360550" cy="1280160"/>
          </a:xfrm>
          <a:prstGeom prst="rect">
            <a:avLst/>
          </a:prstGeom>
          <a:solidFill>
            <a:srgbClr val="FFFFFF"/>
          </a:solidFill>
        </p:spPr>
        <p:txBody>
          <a:bodyPr lIns="182880" rIns="182880" anchor="ctr"/>
          <a:lstStyle>
            <a:lvl1pPr marL="0" indent="0" algn="r">
              <a:lnSpc>
                <a:spcPct val="100000"/>
              </a:lnSpc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-2734" y="-3088"/>
            <a:ext cx="2218139" cy="1310164"/>
          </a:xfrm>
          <a:prstGeom prst="rect">
            <a:avLst/>
          </a:prstGeom>
          <a:solidFill>
            <a:srgbClr val="EAE6E8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0" y="2578608"/>
            <a:ext cx="2218139" cy="1310164"/>
          </a:xfrm>
          <a:prstGeom prst="rect">
            <a:avLst/>
          </a:prstGeom>
          <a:solidFill>
            <a:srgbClr val="EAE6E8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36144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1750"/>
                            </p:stCondLst>
                            <p:childTnLst>
                              <p:par>
                                <p:cTn id="1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0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2500"/>
                            </p:stCondLst>
                            <p:childTnLst>
                              <p:par>
                                <p:cTn id="22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4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3250"/>
                            </p:stCondLst>
                            <p:childTnLst>
                              <p:par>
                                <p:cTn id="26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250"/>
                            </p:stCondLst>
                            <p:childTnLst>
                              <p:par>
                                <p:cTn id="3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0"/>
                            </p:stCondLst>
                            <p:childTnLst>
                              <p:par>
                                <p:cTn id="34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6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000"/>
                            </p:stCondLst>
                            <p:childTnLst>
                              <p:par>
                                <p:cTn id="3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750"/>
                            </p:stCondLst>
                            <p:childTnLst>
                              <p:par>
                                <p:cTn id="42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7750"/>
                            </p:stCondLst>
                            <p:childTnLst>
                              <p:par>
                                <p:cTn id="4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8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 animBg="1"/>
      <p:bldP spid="19" grpId="0" animBg="1"/>
      <p:bldP spid="21" grpId="0" animBg="1"/>
      <p:bldP spid="25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animBg="1"/>
      <p:bldP spid="27" grpId="0" animBg="1"/>
      <p:bldP spid="28" grpId="0" animBg="1"/>
      <p:bldP spid="30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animBg="1"/>
      <p:bldP spid="18" grpId="0" animBg="1"/>
    </p:bld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 hasCustomPrompt="1"/>
          </p:nvPr>
        </p:nvSpPr>
        <p:spPr>
          <a:xfrm>
            <a:off x="971600" y="1707654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39496" y="832104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5 SERVICES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KEY MOMENT</a:t>
            </a:r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30"/>
          <p:cNvSpPr>
            <a:spLocks noGrp="1"/>
          </p:cNvSpPr>
          <p:nvPr>
            <p:ph type="body" sz="quarter" idx="48"/>
          </p:nvPr>
        </p:nvSpPr>
        <p:spPr>
          <a:xfrm>
            <a:off x="1838503" y="1979738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49"/>
          </p:nvPr>
        </p:nvSpPr>
        <p:spPr>
          <a:xfrm>
            <a:off x="1846811" y="172054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50" hasCustomPrompt="1"/>
          </p:nvPr>
        </p:nvSpPr>
        <p:spPr>
          <a:xfrm>
            <a:off x="971600" y="2638184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51"/>
          </p:nvPr>
        </p:nvSpPr>
        <p:spPr>
          <a:xfrm>
            <a:off x="1838503" y="2910268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52"/>
          </p:nvPr>
        </p:nvSpPr>
        <p:spPr>
          <a:xfrm>
            <a:off x="1846811" y="2648800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53" hasCustomPrompt="1"/>
          </p:nvPr>
        </p:nvSpPr>
        <p:spPr>
          <a:xfrm>
            <a:off x="971600" y="3574288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54"/>
          </p:nvPr>
        </p:nvSpPr>
        <p:spPr>
          <a:xfrm>
            <a:off x="1838503" y="3846372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55"/>
          </p:nvPr>
        </p:nvSpPr>
        <p:spPr>
          <a:xfrm>
            <a:off x="1846811" y="358263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1" name="Picture Placeholder 6"/>
          <p:cNvSpPr>
            <a:spLocks noGrp="1"/>
          </p:cNvSpPr>
          <p:nvPr>
            <p:ph type="pic" sz="quarter" idx="56" hasCustomPrompt="1"/>
          </p:nvPr>
        </p:nvSpPr>
        <p:spPr>
          <a:xfrm>
            <a:off x="4929233" y="1707654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57"/>
          </p:nvPr>
        </p:nvSpPr>
        <p:spPr>
          <a:xfrm>
            <a:off x="5796136" y="1979738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58"/>
          </p:nvPr>
        </p:nvSpPr>
        <p:spPr>
          <a:xfrm>
            <a:off x="5804444" y="172054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Picture Placeholder 6"/>
          <p:cNvSpPr>
            <a:spLocks noGrp="1"/>
          </p:cNvSpPr>
          <p:nvPr>
            <p:ph type="pic" sz="quarter" idx="59" hasCustomPrompt="1"/>
          </p:nvPr>
        </p:nvSpPr>
        <p:spPr>
          <a:xfrm>
            <a:off x="4929233" y="2638184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60"/>
          </p:nvPr>
        </p:nvSpPr>
        <p:spPr>
          <a:xfrm>
            <a:off x="5796136" y="2910268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61"/>
          </p:nvPr>
        </p:nvSpPr>
        <p:spPr>
          <a:xfrm>
            <a:off x="5804444" y="2648800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62" hasCustomPrompt="1"/>
          </p:nvPr>
        </p:nvSpPr>
        <p:spPr>
          <a:xfrm>
            <a:off x="4918998" y="3574288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63"/>
          </p:nvPr>
        </p:nvSpPr>
        <p:spPr>
          <a:xfrm>
            <a:off x="5785901" y="3846372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64"/>
          </p:nvPr>
        </p:nvSpPr>
        <p:spPr>
          <a:xfrm>
            <a:off x="5794209" y="358263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615268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35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450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75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75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/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/>
      <p:bldP spid="2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/>
      <p:bldP spid="32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/>
      <p:bldP spid="3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/>
      <p:bldP spid="38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Callout 1"/>
          <p:cNvSpPr/>
          <p:nvPr userDrawn="1"/>
        </p:nvSpPr>
        <p:spPr>
          <a:xfrm>
            <a:off x="2987824" y="-1172666"/>
            <a:ext cx="7128792" cy="4968552"/>
          </a:xfrm>
          <a:prstGeom prst="wedgeEllipseCallout">
            <a:avLst>
              <a:gd name="adj1" fmla="val -26304"/>
              <a:gd name="adj2" fmla="val 59229"/>
            </a:avLst>
          </a:prstGeom>
          <a:noFill/>
          <a:ln w="762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899592" y="3507854"/>
            <a:ext cx="3348880" cy="1117604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171938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" grpId="0">
        <p:tmplLst>
          <p:tmpl>
            <p:tnLst>
              <p:par>
                <p:cTn presetID="22" presetClass="entr" presetSubtype="2" fill="hold" nodeType="after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467544" y="1341814"/>
            <a:ext cx="3816424" cy="3318167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617720" y="3008375"/>
            <a:ext cx="4248472" cy="1664208"/>
          </a:xfrm>
          <a:prstGeom prst="rect">
            <a:avLst/>
          </a:prstGeom>
        </p:spPr>
        <p:txBody>
          <a:bodyPr tIns="182880" anchor="t"/>
          <a:lstStyle>
            <a:lvl1pPr marL="0" indent="0" algn="l">
              <a:spcBef>
                <a:spcPts val="600"/>
              </a:spcBef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25"/>
          </p:nvPr>
        </p:nvSpPr>
        <p:spPr>
          <a:xfrm>
            <a:off x="4704428" y="1341814"/>
            <a:ext cx="3972027" cy="165851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39552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ERFORMANCE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4270248" y="530352"/>
            <a:ext cx="0" cy="55778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39552" y="843558"/>
            <a:ext cx="3599032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ITH PURPOSE</a:t>
            </a:r>
            <a:endParaRPr lang="en-US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24198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500"/>
                            </p:stCondLst>
                            <p:childTnLst>
                              <p:par>
                                <p:cTn id="24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6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1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540931" y="1563638"/>
            <a:ext cx="4003983" cy="2952328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4744481" y="1640260"/>
            <a:ext cx="1875287" cy="273169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6801169" y="1640260"/>
            <a:ext cx="1875287" cy="273169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1208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COMMITMENT</a:t>
            </a:r>
            <a:endParaRPr lang="en-US" dirty="0"/>
          </a:p>
        </p:txBody>
      </p:sp>
      <p:cxnSp>
        <p:nvCxnSpPr>
          <p:cNvPr id="23" name="Straight Connector 22"/>
          <p:cNvCxnSpPr/>
          <p:nvPr userDrawn="1"/>
        </p:nvCxnSpPr>
        <p:spPr>
          <a:xfrm>
            <a:off x="4270248" y="530352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39496" y="832104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 PICTURES + 1 TEXT CONTEN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24147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0"/>
                            </p:stCondLst>
                            <p:childTnLst>
                              <p:par>
                                <p:cTn id="23" presetID="22" presetClass="entr" presetSubtype="1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22" presetClass="entr" presetSubtype="1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12" grpId="0" animBg="1"/>
      <p:bldP spid="2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0" y="-92546"/>
            <a:ext cx="9144000" cy="523604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2195736" y="1543650"/>
            <a:ext cx="4962348" cy="2612276"/>
          </a:xfrm>
          <a:prstGeom prst="rect">
            <a:avLst/>
          </a:prstGeom>
          <a:solidFill>
            <a:srgbClr val="FFFFFF">
              <a:alpha val="80000"/>
            </a:srgbClr>
          </a:solidFill>
          <a:ln w="6350">
            <a:solidFill>
              <a:schemeClr val="tx1">
                <a:lumMod val="50000"/>
                <a:lumOff val="50000"/>
              </a:schemeClr>
            </a:solidFill>
          </a:ln>
        </p:spPr>
        <p:txBody>
          <a:bodyPr lIns="457200" tIns="182880" rIns="457200" anchor="ctr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2195736" y="1347614"/>
            <a:ext cx="4962348" cy="392072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0" indent="0" algn="ctr">
              <a:buNone/>
              <a:defRPr sz="20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VALUES &amp; PHILOSOPH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6134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0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250"/>
                            </p:stCondLst>
                            <p:childTnLst>
                              <p:par>
                                <p:cTn id="1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5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5" grpId="0" animBg="1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868680" y="1918739"/>
            <a:ext cx="3456384" cy="232326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7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755576" y="1315289"/>
            <a:ext cx="7632848" cy="334888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29" hasCustomPrompt="1"/>
          </p:nvPr>
        </p:nvSpPr>
        <p:spPr>
          <a:xfrm>
            <a:off x="5035107" y="1910957"/>
            <a:ext cx="391219" cy="452200"/>
          </a:xfrm>
          <a:prstGeom prst="rect">
            <a:avLst/>
          </a:prstGeom>
          <a:solidFill>
            <a:srgbClr val="73BCB1"/>
          </a:solidFill>
        </p:spPr>
        <p:txBody>
          <a:bodyPr lIns="0" rIns="0" anchor="ctr"/>
          <a:lstStyle>
            <a:lvl1pPr marL="0" indent="0" algn="ctr">
              <a:buNone/>
              <a:defRPr sz="2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1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5035106" y="2386584"/>
            <a:ext cx="393192" cy="154633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txBody>
          <a:bodyPr lIns="0" rIns="0" anchor="ctr"/>
          <a:lstStyle>
            <a:lvl1pPr marL="0" indent="0" algn="ctr">
              <a:buNone/>
              <a:defRPr sz="8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JAN</a:t>
            </a:r>
            <a:endParaRPr lang="en-US" dirty="0"/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131"/>
          </p:nvPr>
        </p:nvSpPr>
        <p:spPr>
          <a:xfrm>
            <a:off x="5530684" y="1851670"/>
            <a:ext cx="2847970" cy="809345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5035107" y="2760758"/>
            <a:ext cx="391219" cy="452200"/>
          </a:xfrm>
          <a:prstGeom prst="rect">
            <a:avLst/>
          </a:prstGeom>
          <a:solidFill>
            <a:srgbClr val="73BCB1"/>
          </a:solidFill>
        </p:spPr>
        <p:txBody>
          <a:bodyPr lIns="0" rIns="0" anchor="ctr"/>
          <a:lstStyle>
            <a:lvl1pPr marL="0" indent="0" algn="ctr">
              <a:buNone/>
              <a:defRPr sz="2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1</a:t>
            </a:r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5035106" y="3236976"/>
            <a:ext cx="391219" cy="154633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txBody>
          <a:bodyPr lIns="0" rIns="0" anchor="ctr"/>
          <a:lstStyle>
            <a:lvl1pPr marL="0" indent="0" algn="ctr">
              <a:buNone/>
              <a:defRPr sz="8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JAN</a:t>
            </a:r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34"/>
          </p:nvPr>
        </p:nvSpPr>
        <p:spPr>
          <a:xfrm>
            <a:off x="5530684" y="2701471"/>
            <a:ext cx="2847970" cy="809345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5035107" y="3610559"/>
            <a:ext cx="391219" cy="452200"/>
          </a:xfrm>
          <a:prstGeom prst="rect">
            <a:avLst/>
          </a:prstGeom>
          <a:solidFill>
            <a:srgbClr val="73BCB1"/>
          </a:solidFill>
        </p:spPr>
        <p:txBody>
          <a:bodyPr lIns="0" rIns="0" anchor="ctr"/>
          <a:lstStyle>
            <a:lvl1pPr marL="0" indent="0" algn="ctr">
              <a:buNone/>
              <a:defRPr sz="2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1</a:t>
            </a:r>
            <a:endParaRPr lang="en-US" dirty="0"/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136" hasCustomPrompt="1"/>
          </p:nvPr>
        </p:nvSpPr>
        <p:spPr>
          <a:xfrm>
            <a:off x="5035106" y="4087368"/>
            <a:ext cx="391219" cy="154633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txBody>
          <a:bodyPr lIns="0" rIns="0" anchor="ctr"/>
          <a:lstStyle>
            <a:lvl1pPr marL="0" indent="0" algn="ctr">
              <a:buNone/>
              <a:defRPr sz="8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JAN</a:t>
            </a:r>
            <a:endParaRPr lang="en-US" dirty="0"/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137"/>
          </p:nvPr>
        </p:nvSpPr>
        <p:spPr>
          <a:xfrm>
            <a:off x="5530684" y="3551272"/>
            <a:ext cx="2847970" cy="809345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DEADLINE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RKETING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946424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5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50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7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6"/>
          <p:cNvSpPr>
            <a:spLocks noGrp="1"/>
          </p:cNvSpPr>
          <p:nvPr>
            <p:ph type="pic" sz="quarter" idx="27" hasCustomPrompt="1"/>
          </p:nvPr>
        </p:nvSpPr>
        <p:spPr>
          <a:xfrm>
            <a:off x="8100856" y="1227839"/>
            <a:ext cx="1049313" cy="2797255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839587 h 3248301"/>
              <a:gd name="connsiteX1" fmla="*/ 1322680 w 3005420"/>
              <a:gd name="connsiteY1" fmla="*/ 0 h 3248301"/>
              <a:gd name="connsiteX2" fmla="*/ 3005420 w 3005420"/>
              <a:gd name="connsiteY2" fmla="*/ 3248301 h 3248301"/>
              <a:gd name="connsiteX3" fmla="*/ 12032 w 3005420"/>
              <a:gd name="connsiteY3" fmla="*/ 2682817 h 3248301"/>
              <a:gd name="connsiteX4" fmla="*/ 0 w 3005420"/>
              <a:gd name="connsiteY4" fmla="*/ 839587 h 3248301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12032 w 1322680"/>
              <a:gd name="connsiteY3" fmla="*/ 2682817 h 4493142"/>
              <a:gd name="connsiteX4" fmla="*/ 0 w 1322680"/>
              <a:gd name="connsiteY4" fmla="*/ 839587 h 4493142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44790 w 1322680"/>
              <a:gd name="connsiteY3" fmla="*/ 4238867 h 4493142"/>
              <a:gd name="connsiteX4" fmla="*/ 0 w 1322680"/>
              <a:gd name="connsiteY4" fmla="*/ 839587 h 4493142"/>
              <a:gd name="connsiteX0" fmla="*/ 5157 w 1327837"/>
              <a:gd name="connsiteY0" fmla="*/ 839587 h 4493142"/>
              <a:gd name="connsiteX1" fmla="*/ 1327837 w 1327837"/>
              <a:gd name="connsiteY1" fmla="*/ 0 h 4493142"/>
              <a:gd name="connsiteX2" fmla="*/ 1323491 w 1327837"/>
              <a:gd name="connsiteY2" fmla="*/ 4493142 h 4493142"/>
              <a:gd name="connsiteX3" fmla="*/ 810 w 1327837"/>
              <a:gd name="connsiteY3" fmla="*/ 4189728 h 4493142"/>
              <a:gd name="connsiteX4" fmla="*/ 5157 w 1327837"/>
              <a:gd name="connsiteY4" fmla="*/ 839587 h 4493142"/>
              <a:gd name="connsiteX0" fmla="*/ 5159 w 1327839"/>
              <a:gd name="connsiteY0" fmla="*/ 511998 h 4165553"/>
              <a:gd name="connsiteX1" fmla="*/ 1327839 w 1327839"/>
              <a:gd name="connsiteY1" fmla="*/ 0 h 4165553"/>
              <a:gd name="connsiteX2" fmla="*/ 1323493 w 1327839"/>
              <a:gd name="connsiteY2" fmla="*/ 4165553 h 4165553"/>
              <a:gd name="connsiteX3" fmla="*/ 812 w 1327839"/>
              <a:gd name="connsiteY3" fmla="*/ 3862139 h 4165553"/>
              <a:gd name="connsiteX4" fmla="*/ 5159 w 1327839"/>
              <a:gd name="connsiteY4" fmla="*/ 511998 h 4165553"/>
              <a:gd name="connsiteX0" fmla="*/ 5159 w 1327839"/>
              <a:gd name="connsiteY0" fmla="*/ 511998 h 4378485"/>
              <a:gd name="connsiteX1" fmla="*/ 1327839 w 1327839"/>
              <a:gd name="connsiteY1" fmla="*/ 0 h 4378485"/>
              <a:gd name="connsiteX2" fmla="*/ 1323492 w 1327839"/>
              <a:gd name="connsiteY2" fmla="*/ 4378485 h 4378485"/>
              <a:gd name="connsiteX3" fmla="*/ 812 w 1327839"/>
              <a:gd name="connsiteY3" fmla="*/ 3862139 h 4378485"/>
              <a:gd name="connsiteX4" fmla="*/ 5159 w 1327839"/>
              <a:gd name="connsiteY4" fmla="*/ 511998 h 4378485"/>
              <a:gd name="connsiteX0" fmla="*/ 5157 w 1327837"/>
              <a:gd name="connsiteY0" fmla="*/ 511998 h 4378485"/>
              <a:gd name="connsiteX1" fmla="*/ 1327837 w 1327837"/>
              <a:gd name="connsiteY1" fmla="*/ 0 h 4378485"/>
              <a:gd name="connsiteX2" fmla="*/ 1323490 w 1327837"/>
              <a:gd name="connsiteY2" fmla="*/ 4378485 h 4378485"/>
              <a:gd name="connsiteX3" fmla="*/ 811 w 1327837"/>
              <a:gd name="connsiteY3" fmla="*/ 4292100 h 4378485"/>
              <a:gd name="connsiteX4" fmla="*/ 5157 w 1327837"/>
              <a:gd name="connsiteY4" fmla="*/ 511998 h 4378485"/>
              <a:gd name="connsiteX0" fmla="*/ 5157 w 1628052"/>
              <a:gd name="connsiteY0" fmla="*/ 511998 h 4700956"/>
              <a:gd name="connsiteX1" fmla="*/ 1327837 w 1628052"/>
              <a:gd name="connsiteY1" fmla="*/ 0 h 4700956"/>
              <a:gd name="connsiteX2" fmla="*/ 1628046 w 1628052"/>
              <a:gd name="connsiteY2" fmla="*/ 4700956 h 4700956"/>
              <a:gd name="connsiteX3" fmla="*/ 811 w 1628052"/>
              <a:gd name="connsiteY3" fmla="*/ 4292100 h 4700956"/>
              <a:gd name="connsiteX4" fmla="*/ 5157 w 1628052"/>
              <a:gd name="connsiteY4" fmla="*/ 511998 h 470095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399590 h 4808446"/>
              <a:gd name="connsiteX4" fmla="*/ 5157 w 1632393"/>
              <a:gd name="connsiteY4" fmla="*/ 619488 h 480844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553605 h 4808446"/>
              <a:gd name="connsiteX4" fmla="*/ 5157 w 1632393"/>
              <a:gd name="connsiteY4" fmla="*/ 619488 h 4808446"/>
              <a:gd name="connsiteX0" fmla="*/ 5157 w 1936084"/>
              <a:gd name="connsiteY0" fmla="*/ 619488 h 5154982"/>
              <a:gd name="connsiteX1" fmla="*/ 1632393 w 1936084"/>
              <a:gd name="connsiteY1" fmla="*/ 0 h 5154982"/>
              <a:gd name="connsiteX2" fmla="*/ 1936078 w 1936084"/>
              <a:gd name="connsiteY2" fmla="*/ 5154982 h 5154982"/>
              <a:gd name="connsiteX3" fmla="*/ 811 w 1936084"/>
              <a:gd name="connsiteY3" fmla="*/ 4553605 h 5154982"/>
              <a:gd name="connsiteX4" fmla="*/ 5157 w 1936084"/>
              <a:gd name="connsiteY4" fmla="*/ 619488 h 5154982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0 w 1950222"/>
              <a:gd name="connsiteY0" fmla="*/ 754196 h 5244824"/>
              <a:gd name="connsiteX1" fmla="*/ 1950222 w 1950222"/>
              <a:gd name="connsiteY1" fmla="*/ 0 h 5244824"/>
              <a:gd name="connsiteX2" fmla="*/ 1945875 w 1950222"/>
              <a:gd name="connsiteY2" fmla="*/ 5244824 h 5244824"/>
              <a:gd name="connsiteX3" fmla="*/ 10608 w 1950222"/>
              <a:gd name="connsiteY3" fmla="*/ 4598581 h 5244824"/>
              <a:gd name="connsiteX4" fmla="*/ 0 w 1950222"/>
              <a:gd name="connsiteY4" fmla="*/ 75419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61464"/>
              <a:gd name="connsiteY0" fmla="*/ 76543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65436 h 5244824"/>
              <a:gd name="connsiteX0" fmla="*/ 0 w 1961464"/>
              <a:gd name="connsiteY0" fmla="*/ 75419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5419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73595"/>
              <a:gd name="connsiteY0" fmla="*/ 742956 h 5261202"/>
              <a:gd name="connsiteX1" fmla="*/ 1961464 w 1973595"/>
              <a:gd name="connsiteY1" fmla="*/ 0 h 5261202"/>
              <a:gd name="connsiteX2" fmla="*/ 1973496 w 1973595"/>
              <a:gd name="connsiteY2" fmla="*/ 5261202 h 5261202"/>
              <a:gd name="connsiteX3" fmla="*/ 21850 w 1973595"/>
              <a:gd name="connsiteY3" fmla="*/ 4598581 h 5261202"/>
              <a:gd name="connsiteX4" fmla="*/ 0 w 1973595"/>
              <a:gd name="connsiteY4" fmla="*/ 742956 h 52612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73595" h="5261202">
                <a:moveTo>
                  <a:pt x="0" y="742956"/>
                </a:moveTo>
                <a:cubicBezTo>
                  <a:pt x="1850744" y="40670"/>
                  <a:pt x="89113" y="711326"/>
                  <a:pt x="1961464" y="0"/>
                </a:cubicBezTo>
                <a:cubicBezTo>
                  <a:pt x="1960016" y="5001576"/>
                  <a:pt x="1974945" y="208286"/>
                  <a:pt x="1973496" y="5261202"/>
                </a:cubicBezTo>
                <a:cubicBezTo>
                  <a:pt x="182935" y="4666058"/>
                  <a:pt x="1717150" y="5169015"/>
                  <a:pt x="21850" y="4598581"/>
                </a:cubicBezTo>
                <a:cubicBezTo>
                  <a:pt x="6600" y="992102"/>
                  <a:pt x="39851" y="4452112"/>
                  <a:pt x="0" y="742956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8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25" hasCustomPrompt="1"/>
          </p:nvPr>
        </p:nvSpPr>
        <p:spPr>
          <a:xfrm>
            <a:off x="7391880" y="1036648"/>
            <a:ext cx="715834" cy="299420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918149"/>
              <a:gd name="connsiteY0" fmla="*/ 0 h 3817358"/>
              <a:gd name="connsiteX1" fmla="*/ 908124 w 918149"/>
              <a:gd name="connsiteY1" fmla="*/ 749933 h 3817358"/>
              <a:gd name="connsiteX2" fmla="*/ 917757 w 918149"/>
              <a:gd name="connsiteY2" fmla="*/ 3373415 h 3817358"/>
              <a:gd name="connsiteX3" fmla="*/ 6985 w 918149"/>
              <a:gd name="connsiteY3" fmla="*/ 3817358 h 3817358"/>
              <a:gd name="connsiteX4" fmla="*/ 0 w 918149"/>
              <a:gd name="connsiteY4" fmla="*/ 0 h 3817358"/>
              <a:gd name="connsiteX0" fmla="*/ 0 w 912629"/>
              <a:gd name="connsiteY0" fmla="*/ 0 h 3817358"/>
              <a:gd name="connsiteX1" fmla="*/ 908124 w 912629"/>
              <a:gd name="connsiteY1" fmla="*/ 749933 h 3817358"/>
              <a:gd name="connsiteX2" fmla="*/ 910607 w 912629"/>
              <a:gd name="connsiteY2" fmla="*/ 3359112 h 3817358"/>
              <a:gd name="connsiteX3" fmla="*/ 6985 w 912629"/>
              <a:gd name="connsiteY3" fmla="*/ 3817358 h 3817358"/>
              <a:gd name="connsiteX4" fmla="*/ 0 w 912629"/>
              <a:gd name="connsiteY4" fmla="*/ 0 h 38173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2629" h="3817358">
                <a:moveTo>
                  <a:pt x="0" y="0"/>
                </a:moveTo>
                <a:cubicBezTo>
                  <a:pt x="919679" y="765809"/>
                  <a:pt x="14545" y="10222"/>
                  <a:pt x="908124" y="749933"/>
                </a:cubicBezTo>
                <a:cubicBezTo>
                  <a:pt x="915035" y="3189524"/>
                  <a:pt x="912396" y="728124"/>
                  <a:pt x="910607" y="3359112"/>
                </a:cubicBezTo>
                <a:cubicBezTo>
                  <a:pt x="111747" y="3765938"/>
                  <a:pt x="828702" y="3395293"/>
                  <a:pt x="6985" y="3817358"/>
                </a:cubicBezTo>
                <a:cubicBezTo>
                  <a:pt x="-5726" y="141672"/>
                  <a:pt x="21411" y="3749605"/>
                  <a:pt x="0" y="0"/>
                </a:cubicBezTo>
                <a:close/>
              </a:path>
            </a:pathLst>
          </a:custGeom>
          <a:solidFill>
            <a:schemeClr val="bg1">
              <a:lumMod val="50000"/>
              <a:alpha val="75000"/>
            </a:schemeClr>
          </a:solidFill>
          <a:effectLst>
            <a:outerShdw blurRad="444500" dist="457200" dir="5400000" sx="96000" sy="96000" algn="ctr" rotWithShape="0">
              <a:prstClr val="black">
                <a:alpha val="18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4389120" y="1042416"/>
            <a:ext cx="3005420" cy="2986230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5420" h="2986230">
                <a:moveTo>
                  <a:pt x="0" y="577516"/>
                </a:moveTo>
                <a:lnTo>
                  <a:pt x="2993387" y="0"/>
                </a:lnTo>
                <a:lnTo>
                  <a:pt x="3005420" y="2986230"/>
                </a:lnTo>
                <a:lnTo>
                  <a:pt x="12032" y="2420746"/>
                </a:lnTo>
                <a:cubicBezTo>
                  <a:pt x="8021" y="1806336"/>
                  <a:pt x="4011" y="1191926"/>
                  <a:pt x="0" y="577516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2378584" y="1630501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323528" y="2139702"/>
            <a:ext cx="3384376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TRODUCTION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328842" y="2724912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4367316" y="2258568"/>
            <a:ext cx="0" cy="46634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323528" y="2466000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600459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4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7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450"/>
                            </p:stCondLst>
                            <p:childTnLst>
                              <p:par>
                                <p:cTn id="1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450"/>
                            </p:stCondLst>
                            <p:childTnLst>
                              <p:par>
                                <p:cTn id="19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3450"/>
                            </p:stCondLst>
                            <p:childTnLst>
                              <p:par>
                                <p:cTn id="25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7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0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700"/>
                            </p:stCondLst>
                            <p:childTnLst>
                              <p:par>
                                <p:cTn id="32" presetID="22" presetClass="entr" presetSubtype="2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9" grpId="0" animBg="1"/>
      <p:bldP spid="8" grpId="0" animBg="1"/>
      <p:bldP spid="10" grpId="0"/>
      <p:bldP spid="1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" name="Text Placeholder 30"/>
          <p:cNvSpPr>
            <a:spLocks noGrp="1"/>
          </p:cNvSpPr>
          <p:nvPr>
            <p:ph type="body" sz="quarter" idx="193"/>
          </p:nvPr>
        </p:nvSpPr>
        <p:spPr>
          <a:xfrm>
            <a:off x="6121856" y="3915894"/>
            <a:ext cx="2180798" cy="34744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4" name="Text Placeholder 30"/>
          <p:cNvSpPr>
            <a:spLocks noGrp="1"/>
          </p:cNvSpPr>
          <p:nvPr>
            <p:ph type="body" sz="quarter" idx="191"/>
          </p:nvPr>
        </p:nvSpPr>
        <p:spPr>
          <a:xfrm>
            <a:off x="6121856" y="3275814"/>
            <a:ext cx="2180798" cy="34744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4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121856" y="1986510"/>
            <a:ext cx="2180798" cy="34744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998862" y="905256"/>
            <a:ext cx="511188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987824" y="483518"/>
            <a:ext cx="513579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XTEND ORGANIZATION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8238544" y="594360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Connector 102"/>
          <p:cNvCxnSpPr/>
          <p:nvPr userDrawn="1"/>
        </p:nvCxnSpPr>
        <p:spPr>
          <a:xfrm>
            <a:off x="6144736" y="2379702"/>
            <a:ext cx="21031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6121856" y="1817356"/>
            <a:ext cx="219456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1. ADD TEXT</a:t>
            </a:r>
            <a:endParaRPr lang="en-US" dirty="0"/>
          </a:p>
        </p:txBody>
      </p:sp>
      <p:cxnSp>
        <p:nvCxnSpPr>
          <p:cNvPr id="110" name="Straight Connector 109"/>
          <p:cNvCxnSpPr/>
          <p:nvPr userDrawn="1"/>
        </p:nvCxnSpPr>
        <p:spPr>
          <a:xfrm>
            <a:off x="6144736" y="3019782"/>
            <a:ext cx="21031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Text Placeholder 30"/>
          <p:cNvSpPr>
            <a:spLocks noGrp="1"/>
          </p:cNvSpPr>
          <p:nvPr>
            <p:ph type="body" sz="quarter" idx="189"/>
          </p:nvPr>
        </p:nvSpPr>
        <p:spPr>
          <a:xfrm>
            <a:off x="6121856" y="2626590"/>
            <a:ext cx="2180798" cy="34744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2" name="Text Placeholder 27"/>
          <p:cNvSpPr>
            <a:spLocks noGrp="1"/>
          </p:cNvSpPr>
          <p:nvPr>
            <p:ph type="body" sz="quarter" idx="190" hasCustomPrompt="1"/>
          </p:nvPr>
        </p:nvSpPr>
        <p:spPr>
          <a:xfrm>
            <a:off x="6121856" y="2465428"/>
            <a:ext cx="219456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02. ADD TEXT</a:t>
            </a:r>
          </a:p>
        </p:txBody>
      </p:sp>
      <p:cxnSp>
        <p:nvCxnSpPr>
          <p:cNvPr id="113" name="Straight Connector 112"/>
          <p:cNvCxnSpPr/>
          <p:nvPr userDrawn="1"/>
        </p:nvCxnSpPr>
        <p:spPr>
          <a:xfrm>
            <a:off x="6144736" y="3659862"/>
            <a:ext cx="21031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 Placeholder 27"/>
          <p:cNvSpPr>
            <a:spLocks noGrp="1"/>
          </p:cNvSpPr>
          <p:nvPr>
            <p:ph type="body" sz="quarter" idx="192" hasCustomPrompt="1"/>
          </p:nvPr>
        </p:nvSpPr>
        <p:spPr>
          <a:xfrm>
            <a:off x="6121856" y="3113500"/>
            <a:ext cx="219456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03. ADD TEXT</a:t>
            </a:r>
          </a:p>
        </p:txBody>
      </p:sp>
      <p:cxnSp>
        <p:nvCxnSpPr>
          <p:cNvPr id="116" name="Straight Connector 115"/>
          <p:cNvCxnSpPr/>
          <p:nvPr userDrawn="1"/>
        </p:nvCxnSpPr>
        <p:spPr>
          <a:xfrm>
            <a:off x="6144736" y="4299942"/>
            <a:ext cx="21031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Text Placeholder 27"/>
          <p:cNvSpPr>
            <a:spLocks noGrp="1"/>
          </p:cNvSpPr>
          <p:nvPr>
            <p:ph type="body" sz="quarter" idx="194" hasCustomPrompt="1"/>
          </p:nvPr>
        </p:nvSpPr>
        <p:spPr>
          <a:xfrm>
            <a:off x="6121856" y="3742158"/>
            <a:ext cx="219456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04. ADD TEXT</a:t>
            </a:r>
          </a:p>
        </p:txBody>
      </p:sp>
    </p:spTree>
    <p:extLst>
      <p:ext uri="{BB962C8B-B14F-4D97-AF65-F5344CB8AC3E}">
        <p14:creationId xmlns:p14="http://schemas.microsoft.com/office/powerpoint/2010/main" val="20572356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6263640" y="837250"/>
            <a:ext cx="1423114" cy="1192529"/>
          </a:xfrm>
          <a:prstGeom prst="rect">
            <a:avLst/>
          </a:prstGeom>
          <a:solidFill>
            <a:srgbClr val="DEDEDE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3355848" y="2057757"/>
            <a:ext cx="2880360" cy="1193509"/>
          </a:xfrm>
          <a:prstGeom prst="rect">
            <a:avLst/>
          </a:prstGeom>
          <a:solidFill>
            <a:srgbClr val="DEDEDE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38" hasCustomPrompt="1"/>
          </p:nvPr>
        </p:nvSpPr>
        <p:spPr>
          <a:xfrm>
            <a:off x="395536" y="1131590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 PICTURES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395536" y="699542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SERVICES</a:t>
            </a:r>
            <a:endParaRPr lang="en-US" dirty="0"/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4126288" y="827528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 userDrawn="1"/>
        </p:nvSpPr>
        <p:spPr>
          <a:xfrm>
            <a:off x="448056" y="2061566"/>
            <a:ext cx="1426464" cy="11887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1900427" y="2061566"/>
            <a:ext cx="1426464" cy="1188720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42"/>
          </p:nvPr>
        </p:nvSpPr>
        <p:spPr>
          <a:xfrm>
            <a:off x="1900427" y="3278698"/>
            <a:ext cx="1422355" cy="11887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Rectangle 24"/>
          <p:cNvSpPr/>
          <p:nvPr userDrawn="1"/>
        </p:nvSpPr>
        <p:spPr>
          <a:xfrm>
            <a:off x="3355848" y="3278698"/>
            <a:ext cx="1426464" cy="11887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" name="Rectangle 30"/>
          <p:cNvSpPr/>
          <p:nvPr userDrawn="1"/>
        </p:nvSpPr>
        <p:spPr>
          <a:xfrm>
            <a:off x="6263640" y="2062501"/>
            <a:ext cx="1423114" cy="1188720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" name="Rectangle 32"/>
          <p:cNvSpPr/>
          <p:nvPr userDrawn="1"/>
        </p:nvSpPr>
        <p:spPr>
          <a:xfrm>
            <a:off x="4809744" y="837250"/>
            <a:ext cx="1426464" cy="11887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Picture Placeholder 6"/>
          <p:cNvSpPr>
            <a:spLocks noGrp="1"/>
          </p:cNvSpPr>
          <p:nvPr>
            <p:ph type="pic" sz="quarter" idx="47"/>
          </p:nvPr>
        </p:nvSpPr>
        <p:spPr>
          <a:xfrm>
            <a:off x="7720886" y="2057757"/>
            <a:ext cx="1423114" cy="1192529"/>
          </a:xfrm>
          <a:prstGeom prst="rect">
            <a:avLst/>
          </a:prstGeom>
          <a:solidFill>
            <a:srgbClr val="DEDEDE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48"/>
          </p:nvPr>
        </p:nvSpPr>
        <p:spPr>
          <a:xfrm>
            <a:off x="6263640" y="3280623"/>
            <a:ext cx="2879294" cy="119252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23" hasCustomPrompt="1"/>
          </p:nvPr>
        </p:nvSpPr>
        <p:spPr>
          <a:xfrm>
            <a:off x="611560" y="2876560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39" name="Picture Placeholder 6"/>
          <p:cNvSpPr>
            <a:spLocks noGrp="1" noChangeAspect="1"/>
          </p:cNvSpPr>
          <p:nvPr>
            <p:ph type="pic" sz="quarter" idx="49" hasCustomPrompt="1"/>
          </p:nvPr>
        </p:nvSpPr>
        <p:spPr>
          <a:xfrm>
            <a:off x="2272254" y="2315152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50" hasCustomPrompt="1"/>
          </p:nvPr>
        </p:nvSpPr>
        <p:spPr>
          <a:xfrm>
            <a:off x="2068417" y="2876560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41" name="Picture Placeholder 6"/>
          <p:cNvSpPr>
            <a:spLocks noGrp="1" noChangeAspect="1"/>
          </p:cNvSpPr>
          <p:nvPr>
            <p:ph type="pic" sz="quarter" idx="51" hasCustomPrompt="1"/>
          </p:nvPr>
        </p:nvSpPr>
        <p:spPr>
          <a:xfrm>
            <a:off x="6629400" y="2315152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42" name="Text Placeholder 30"/>
          <p:cNvSpPr>
            <a:spLocks noGrp="1"/>
          </p:cNvSpPr>
          <p:nvPr>
            <p:ph type="body" sz="quarter" idx="52" hasCustomPrompt="1"/>
          </p:nvPr>
        </p:nvSpPr>
        <p:spPr>
          <a:xfrm>
            <a:off x="6428232" y="2876560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44" name="Text Placeholder 30"/>
          <p:cNvSpPr>
            <a:spLocks noGrp="1"/>
          </p:cNvSpPr>
          <p:nvPr>
            <p:ph type="body" sz="quarter" idx="54" hasCustomPrompt="1"/>
          </p:nvPr>
        </p:nvSpPr>
        <p:spPr>
          <a:xfrm>
            <a:off x="3511296" y="4100696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48" name="Text Placeholder 30"/>
          <p:cNvSpPr>
            <a:spLocks noGrp="1"/>
          </p:cNvSpPr>
          <p:nvPr>
            <p:ph type="body" sz="quarter" idx="56" hasCustomPrompt="1"/>
          </p:nvPr>
        </p:nvSpPr>
        <p:spPr>
          <a:xfrm>
            <a:off x="4990395" y="1664924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26" name="Picture Placeholder 6"/>
          <p:cNvSpPr>
            <a:spLocks noGrp="1" noChangeAspect="1"/>
          </p:cNvSpPr>
          <p:nvPr>
            <p:ph type="pic" sz="quarter" idx="57" hasCustomPrompt="1"/>
          </p:nvPr>
        </p:nvSpPr>
        <p:spPr>
          <a:xfrm>
            <a:off x="813820" y="2315152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30" name="Picture Placeholder 6"/>
          <p:cNvSpPr>
            <a:spLocks noGrp="1" noChangeAspect="1"/>
          </p:cNvSpPr>
          <p:nvPr>
            <p:ph type="pic" sz="quarter" idx="58" hasCustomPrompt="1"/>
          </p:nvPr>
        </p:nvSpPr>
        <p:spPr>
          <a:xfrm>
            <a:off x="5178350" y="1101848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32" name="Picture Placeholder 6"/>
          <p:cNvSpPr>
            <a:spLocks noGrp="1" noChangeAspect="1"/>
          </p:cNvSpPr>
          <p:nvPr>
            <p:ph type="pic" sz="quarter" idx="59" hasCustomPrompt="1"/>
          </p:nvPr>
        </p:nvSpPr>
        <p:spPr>
          <a:xfrm>
            <a:off x="3698556" y="3533268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</p:spTree>
    <p:extLst>
      <p:ext uri="{BB962C8B-B14F-4D97-AF65-F5344CB8AC3E}">
        <p14:creationId xmlns:p14="http://schemas.microsoft.com/office/powerpoint/2010/main" val="23186288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500"/>
                            </p:stCondLst>
                            <p:childTnLst>
                              <p:par>
                                <p:cTn id="32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4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750"/>
                            </p:stCondLst>
                            <p:childTnLst>
                              <p:par>
                                <p:cTn id="36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8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1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750"/>
                            </p:stCondLst>
                            <p:childTnLst>
                              <p:par>
                                <p:cTn id="43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5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22" presetClass="entr" presetSubtype="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8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8750"/>
                            </p:stCondLst>
                            <p:childTnLst>
                              <p:par>
                                <p:cTn id="50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9250"/>
                            </p:stCondLst>
                            <p:childTnLst>
                              <p:par>
                                <p:cTn id="54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6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9750"/>
                            </p:stCondLst>
                            <p:childTnLst>
                              <p:par>
                                <p:cTn id="58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6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10250"/>
                            </p:stCondLst>
                            <p:childTnLst>
                              <p:par>
                                <p:cTn id="62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6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10750"/>
                            </p:stCondLst>
                            <p:childTnLst>
                              <p:par>
                                <p:cTn id="66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6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animBg="1"/>
      <p:bldP spid="19" grpId="0" animBg="1"/>
      <p:bldP spid="2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17" grpId="0" animBg="1"/>
      <p:bldP spid="24" grpId="0" animBg="1"/>
      <p:bldP spid="25" grpId="0" animBg="1"/>
      <p:bldP spid="31" grpId="0" animBg="1"/>
      <p:bldP spid="33" grpId="0" animBg="1"/>
      <p:bldP spid="36" grpId="0" animBg="1"/>
      <p:bldP spid="37" grpId="0" animBg="1"/>
      <p:bldP spid="39" grpId="0"/>
      <p:bldP spid="41" grpId="0"/>
      <p:bldP spid="26" grpId="0"/>
      <p:bldP spid="30" grpId="0"/>
      <p:bldP spid="32" grpId="0"/>
    </p:bld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7" name="Group 176"/>
          <p:cNvGrpSpPr/>
          <p:nvPr userDrawn="1"/>
        </p:nvGrpSpPr>
        <p:grpSpPr>
          <a:xfrm>
            <a:off x="4656584" y="3712464"/>
            <a:ext cx="2651136" cy="240866"/>
            <a:chOff x="1542367" y="2607150"/>
            <a:chExt cx="2651136" cy="240866"/>
          </a:xfrm>
        </p:grpSpPr>
        <p:sp>
          <p:nvSpPr>
            <p:cNvPr id="178" name="Rounded Rectangle 177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9" name="Rounded Rectangle 178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0" name="Rounded Rectangle 179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1" name="Rounded Rectangle 180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2" name="Rounded Rectangle 181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3" name="Rounded Rectangle 182"/>
            <p:cNvSpPr/>
            <p:nvPr userDrawn="1"/>
          </p:nvSpPr>
          <p:spPr>
            <a:xfrm rot="5400000">
              <a:off x="32878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4" name="Rounded Rectangle 183"/>
            <p:cNvSpPr/>
            <p:nvPr userDrawn="1"/>
          </p:nvSpPr>
          <p:spPr>
            <a:xfrm rot="5400000">
              <a:off x="346355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5" name="Rounded Rectangle 184"/>
            <p:cNvSpPr/>
            <p:nvPr userDrawn="1"/>
          </p:nvSpPr>
          <p:spPr>
            <a:xfrm rot="5400000">
              <a:off x="3644964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6" name="Rounded Rectangle 185"/>
            <p:cNvSpPr/>
            <p:nvPr userDrawn="1"/>
          </p:nvSpPr>
          <p:spPr>
            <a:xfrm rot="5400000">
              <a:off x="382464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7" name="Rounded Rectangle 186"/>
            <p:cNvSpPr/>
            <p:nvPr userDrawn="1"/>
          </p:nvSpPr>
          <p:spPr>
            <a:xfrm rot="5400000">
              <a:off x="400605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8" name="Rounded Rectangle 18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9" name="Rounded Rectangle 18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0" name="Rounded Rectangle 18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1" name="Rounded Rectangle 19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2" name="Rounded Rectangle 191"/>
            <p:cNvSpPr/>
            <p:nvPr userDrawn="1"/>
          </p:nvSpPr>
          <p:spPr>
            <a:xfrm rot="5400000">
              <a:off x="1492075" y="2657442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61" name="Group 160"/>
          <p:cNvGrpSpPr/>
          <p:nvPr userDrawn="1"/>
        </p:nvGrpSpPr>
        <p:grpSpPr>
          <a:xfrm>
            <a:off x="4658437" y="3250710"/>
            <a:ext cx="2651136" cy="240866"/>
            <a:chOff x="1542367" y="2607150"/>
            <a:chExt cx="2651136" cy="240866"/>
          </a:xfrm>
        </p:grpSpPr>
        <p:sp>
          <p:nvSpPr>
            <p:cNvPr id="162" name="Rounded Rectangle 16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3" name="Rounded Rectangle 16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4" name="Rounded Rectangle 16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5" name="Rounded Rectangle 16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6" name="Rounded Rectangle 16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7" name="Rounded Rectangle 166"/>
            <p:cNvSpPr/>
            <p:nvPr userDrawn="1"/>
          </p:nvSpPr>
          <p:spPr>
            <a:xfrm rot="5400000">
              <a:off x="32878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8" name="Rounded Rectangle 167"/>
            <p:cNvSpPr/>
            <p:nvPr userDrawn="1"/>
          </p:nvSpPr>
          <p:spPr>
            <a:xfrm rot="5400000">
              <a:off x="346355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9" name="Rounded Rectangle 168"/>
            <p:cNvSpPr/>
            <p:nvPr userDrawn="1"/>
          </p:nvSpPr>
          <p:spPr>
            <a:xfrm rot="5400000">
              <a:off x="3644964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0" name="Rounded Rectangle 169"/>
            <p:cNvSpPr/>
            <p:nvPr userDrawn="1"/>
          </p:nvSpPr>
          <p:spPr>
            <a:xfrm rot="5400000">
              <a:off x="382464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1" name="Rounded Rectangle 170"/>
            <p:cNvSpPr/>
            <p:nvPr userDrawn="1"/>
          </p:nvSpPr>
          <p:spPr>
            <a:xfrm rot="5400000">
              <a:off x="400605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2" name="Rounded Rectangle 171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3" name="Rounded Rectangle 172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4" name="Rounded Rectangle 173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5" name="Rounded Rectangle 174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6" name="Rounded Rectangle 175"/>
            <p:cNvSpPr/>
            <p:nvPr userDrawn="1"/>
          </p:nvSpPr>
          <p:spPr>
            <a:xfrm rot="5400000">
              <a:off x="1492075" y="2657442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26" name="Group 125"/>
          <p:cNvGrpSpPr/>
          <p:nvPr userDrawn="1"/>
        </p:nvGrpSpPr>
        <p:grpSpPr>
          <a:xfrm>
            <a:off x="4658437" y="4169664"/>
            <a:ext cx="2651136" cy="242918"/>
            <a:chOff x="1542367" y="2608965"/>
            <a:chExt cx="2651136" cy="242918"/>
          </a:xfrm>
        </p:grpSpPr>
        <p:sp>
          <p:nvSpPr>
            <p:cNvPr id="127" name="Rounded Rectangle 126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8" name="Rounded Rectangle 127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9" name="Rounded Rectangle 128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0" name="Rounded Rectangle 129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1" name="Rounded Rectangle 130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2" name="Rounded Rectangle 131"/>
            <p:cNvSpPr/>
            <p:nvPr userDrawn="1"/>
          </p:nvSpPr>
          <p:spPr>
            <a:xfrm rot="5400000">
              <a:off x="32878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3" name="Rounded Rectangle 132"/>
            <p:cNvSpPr/>
            <p:nvPr userDrawn="1"/>
          </p:nvSpPr>
          <p:spPr>
            <a:xfrm rot="5400000">
              <a:off x="346355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4" name="Rounded Rectangle 133"/>
            <p:cNvSpPr/>
            <p:nvPr userDrawn="1"/>
          </p:nvSpPr>
          <p:spPr>
            <a:xfrm rot="5400000">
              <a:off x="3644964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5" name="Rounded Rectangle 134"/>
            <p:cNvSpPr/>
            <p:nvPr userDrawn="1"/>
          </p:nvSpPr>
          <p:spPr>
            <a:xfrm rot="5400000">
              <a:off x="382464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6" name="Rounded Rectangle 135"/>
            <p:cNvSpPr/>
            <p:nvPr userDrawn="1"/>
          </p:nvSpPr>
          <p:spPr>
            <a:xfrm rot="5400000">
              <a:off x="400605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7" name="Rounded Rectangle 13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8" name="Rounded Rectangle 13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9" name="Rounded Rectangle 13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0" name="Rounded Rectangle 139"/>
            <p:cNvSpPr/>
            <p:nvPr userDrawn="1"/>
          </p:nvSpPr>
          <p:spPr>
            <a:xfrm rot="5400000">
              <a:off x="1672107" y="2659257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1" name="Rounded Rectangle 140"/>
            <p:cNvSpPr/>
            <p:nvPr userDrawn="1"/>
          </p:nvSpPr>
          <p:spPr>
            <a:xfrm rot="5400000">
              <a:off x="1492075" y="2664431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897480" y="1441275"/>
            <a:ext cx="7366359" cy="936104"/>
          </a:xfrm>
          <a:prstGeom prst="rect">
            <a:avLst/>
          </a:prstGeom>
        </p:spPr>
        <p:txBody>
          <a:bodyPr lIns="73152" tIns="91440" rIns="73152" bIns="91440"/>
          <a:lstStyle>
            <a:lvl1pPr marL="0" indent="0" algn="l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1208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SERVICES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997838" y="2651760"/>
            <a:ext cx="3239595" cy="1800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3" name="Text Placeholder 27"/>
          <p:cNvSpPr>
            <a:spLocks noGrp="1"/>
          </p:cNvSpPr>
          <p:nvPr userDrawn="1">
            <p:ph type="body" sz="quarter" idx="31" hasCustomPrompt="1"/>
          </p:nvPr>
        </p:nvSpPr>
        <p:spPr>
          <a:xfrm>
            <a:off x="4572000" y="2593403"/>
            <a:ext cx="1330898" cy="264053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9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LLUSTRATOR</a:t>
            </a:r>
            <a:endParaRPr lang="en-US" dirty="0"/>
          </a:p>
        </p:txBody>
      </p:sp>
      <p:grpSp>
        <p:nvGrpSpPr>
          <p:cNvPr id="93" name="Group 92"/>
          <p:cNvGrpSpPr/>
          <p:nvPr userDrawn="1"/>
        </p:nvGrpSpPr>
        <p:grpSpPr>
          <a:xfrm>
            <a:off x="4658437" y="2788920"/>
            <a:ext cx="2651136" cy="240866"/>
            <a:chOff x="1542367" y="2607150"/>
            <a:chExt cx="2651136" cy="240866"/>
          </a:xfrm>
        </p:grpSpPr>
        <p:sp>
          <p:nvSpPr>
            <p:cNvPr id="23" name="Rounded Rectangle 2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" name="Rounded Rectangle 2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5" name="Rounded Rectangle 2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6" name="Rounded Rectangle 2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7" name="Rounded Rectangle 2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" name="Rounded Rectangle 27"/>
            <p:cNvSpPr/>
            <p:nvPr userDrawn="1"/>
          </p:nvSpPr>
          <p:spPr>
            <a:xfrm rot="5400000">
              <a:off x="32878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" name="Rounded Rectangle 28"/>
            <p:cNvSpPr/>
            <p:nvPr userDrawn="1"/>
          </p:nvSpPr>
          <p:spPr>
            <a:xfrm rot="5400000">
              <a:off x="346355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" name="Rounded Rectangle 29"/>
            <p:cNvSpPr/>
            <p:nvPr userDrawn="1"/>
          </p:nvSpPr>
          <p:spPr>
            <a:xfrm rot="5400000">
              <a:off x="3644964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" name="Rounded Rectangle 30"/>
            <p:cNvSpPr/>
            <p:nvPr userDrawn="1"/>
          </p:nvSpPr>
          <p:spPr>
            <a:xfrm rot="5400000">
              <a:off x="382464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" name="Rounded Rectangle 31"/>
            <p:cNvSpPr/>
            <p:nvPr userDrawn="1"/>
          </p:nvSpPr>
          <p:spPr>
            <a:xfrm rot="5400000">
              <a:off x="400605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" name="Rounded Rectangle 34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" name="Rounded Rectangle 35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" name="Rounded Rectangle 36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8" name="Rounded Rectangle 37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9" name="Rounded Rectangle 38"/>
            <p:cNvSpPr/>
            <p:nvPr userDrawn="1"/>
          </p:nvSpPr>
          <p:spPr>
            <a:xfrm rot="5400000">
              <a:off x="1492075" y="2657442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40" name="Text Placeholder 27"/>
          <p:cNvSpPr>
            <a:spLocks noGrp="1"/>
          </p:cNvSpPr>
          <p:nvPr userDrawn="1">
            <p:ph type="body" sz="quarter" idx="32" hasCustomPrompt="1"/>
          </p:nvPr>
        </p:nvSpPr>
        <p:spPr>
          <a:xfrm>
            <a:off x="4572000" y="3060645"/>
            <a:ext cx="1330898" cy="264053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9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HOTOSHOP</a:t>
            </a:r>
            <a:endParaRPr lang="en-US" dirty="0"/>
          </a:p>
        </p:txBody>
      </p:sp>
      <p:sp>
        <p:nvSpPr>
          <p:cNvPr id="57" name="Text Placeholder 27"/>
          <p:cNvSpPr>
            <a:spLocks noGrp="1"/>
          </p:cNvSpPr>
          <p:nvPr userDrawn="1">
            <p:ph type="body" sz="quarter" idx="33" hasCustomPrompt="1"/>
          </p:nvPr>
        </p:nvSpPr>
        <p:spPr>
          <a:xfrm>
            <a:off x="4572000" y="3524495"/>
            <a:ext cx="1330898" cy="264053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9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ORDPRESS</a:t>
            </a:r>
            <a:endParaRPr lang="en-US" dirty="0"/>
          </a:p>
        </p:txBody>
      </p:sp>
      <p:sp>
        <p:nvSpPr>
          <p:cNvPr id="74" name="Text Placeholder 27"/>
          <p:cNvSpPr>
            <a:spLocks noGrp="1"/>
          </p:cNvSpPr>
          <p:nvPr userDrawn="1">
            <p:ph type="body" sz="quarter" idx="34" hasCustomPrompt="1"/>
          </p:nvPr>
        </p:nvSpPr>
        <p:spPr>
          <a:xfrm>
            <a:off x="4572000" y="3982184"/>
            <a:ext cx="1330898" cy="264053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9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EB DESIGN</a:t>
            </a:r>
            <a:endParaRPr lang="en-US" dirty="0"/>
          </a:p>
        </p:txBody>
      </p:sp>
      <p:sp>
        <p:nvSpPr>
          <p:cNvPr id="6" name="Picture Placeholder 5"/>
          <p:cNvSpPr>
            <a:spLocks noGrp="1"/>
          </p:cNvSpPr>
          <p:nvPr userDrawn="1">
            <p:ph type="pic" sz="quarter" idx="35" hasCustomPrompt="1"/>
          </p:nvPr>
        </p:nvSpPr>
        <p:spPr>
          <a:xfrm>
            <a:off x="7812360" y="2787774"/>
            <a:ext cx="256032" cy="25603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142" name="Picture Placeholder 5"/>
          <p:cNvSpPr>
            <a:spLocks noGrp="1"/>
          </p:cNvSpPr>
          <p:nvPr>
            <p:ph type="pic" sz="quarter" idx="36" hasCustomPrompt="1"/>
          </p:nvPr>
        </p:nvSpPr>
        <p:spPr>
          <a:xfrm>
            <a:off x="7814396" y="3243651"/>
            <a:ext cx="256032" cy="25603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143" name="Picture Placeholder 5"/>
          <p:cNvSpPr>
            <a:spLocks noGrp="1"/>
          </p:cNvSpPr>
          <p:nvPr>
            <p:ph type="pic" sz="quarter" idx="37" hasCustomPrompt="1"/>
          </p:nvPr>
        </p:nvSpPr>
        <p:spPr>
          <a:xfrm>
            <a:off x="7812360" y="3703260"/>
            <a:ext cx="256032" cy="25603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144" name="Picture Placeholder 5"/>
          <p:cNvSpPr>
            <a:spLocks noGrp="1"/>
          </p:cNvSpPr>
          <p:nvPr>
            <p:ph type="pic" sz="quarter" idx="38" hasCustomPrompt="1"/>
          </p:nvPr>
        </p:nvSpPr>
        <p:spPr>
          <a:xfrm>
            <a:off x="7812360" y="4159137"/>
            <a:ext cx="256032" cy="25603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79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7427168" y="2772780"/>
            <a:ext cx="438912" cy="264053"/>
          </a:xfrm>
          <a:prstGeom prst="rect">
            <a:avLst/>
          </a:prstGeom>
        </p:spPr>
        <p:txBody>
          <a:bodyPr l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80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7420147" y="3241506"/>
            <a:ext cx="438912" cy="264053"/>
          </a:xfrm>
          <a:prstGeom prst="rect">
            <a:avLst/>
          </a:prstGeom>
        </p:spPr>
        <p:txBody>
          <a:bodyPr l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82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7427168" y="3695239"/>
            <a:ext cx="438912" cy="264053"/>
          </a:xfrm>
          <a:prstGeom prst="rect">
            <a:avLst/>
          </a:prstGeom>
        </p:spPr>
        <p:txBody>
          <a:bodyPr l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83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7419500" y="4155339"/>
            <a:ext cx="438912" cy="264053"/>
          </a:xfrm>
          <a:prstGeom prst="rect">
            <a:avLst/>
          </a:prstGeom>
        </p:spPr>
        <p:txBody>
          <a:bodyPr l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41375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7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75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675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1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75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7750"/>
                            </p:stCondLst>
                            <p:childTnLst>
                              <p:par>
                                <p:cTn id="5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75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750"/>
                                        <p:tgtEl>
                                          <p:spTgt spid="1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75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8750"/>
                            </p:stCondLst>
                            <p:childTnLst>
                              <p:par>
                                <p:cTn id="63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75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75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750"/>
                                        <p:tgtEl>
                                          <p:spTgt spid="1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75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>
        <p:tmplLst>
          <p:tmpl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/>
      <p:bldP spid="33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/>
      <p:bldP spid="142" grpId="0"/>
      <p:bldP spid="143" grpId="0"/>
      <p:bldP spid="144" grpId="0"/>
      <p:bldP spid="7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2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3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9" name="Group 28"/>
          <p:cNvGrpSpPr/>
          <p:nvPr userDrawn="1"/>
        </p:nvGrpSpPr>
        <p:grpSpPr>
          <a:xfrm>
            <a:off x="6012000" y="3279600"/>
            <a:ext cx="568800" cy="284416"/>
            <a:chOff x="799664" y="1322490"/>
            <a:chExt cx="568800" cy="284416"/>
          </a:xfrm>
          <a:solidFill>
            <a:srgbClr val="73BCB1"/>
          </a:solidFill>
        </p:grpSpPr>
        <p:sp>
          <p:nvSpPr>
            <p:cNvPr id="30" name="Rounded Rectangle 29"/>
            <p:cNvSpPr/>
            <p:nvPr userDrawn="1"/>
          </p:nvSpPr>
          <p:spPr>
            <a:xfrm>
              <a:off x="799664" y="1322490"/>
              <a:ext cx="568800" cy="284416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31" name="Rectangle 30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32" name="Group 31"/>
          <p:cNvGrpSpPr/>
          <p:nvPr userDrawn="1"/>
        </p:nvGrpSpPr>
        <p:grpSpPr>
          <a:xfrm>
            <a:off x="3420000" y="3279600"/>
            <a:ext cx="568800" cy="284416"/>
            <a:chOff x="799664" y="1322490"/>
            <a:chExt cx="568800" cy="284416"/>
          </a:xfrm>
          <a:solidFill>
            <a:srgbClr val="73BCB1"/>
          </a:solidFill>
        </p:grpSpPr>
        <p:sp>
          <p:nvSpPr>
            <p:cNvPr id="33" name="Rounded Rectangle 32"/>
            <p:cNvSpPr/>
            <p:nvPr userDrawn="1"/>
          </p:nvSpPr>
          <p:spPr>
            <a:xfrm>
              <a:off x="799664" y="1322490"/>
              <a:ext cx="568800" cy="284416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35" name="Rectangle 34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58" name="Group 57"/>
          <p:cNvGrpSpPr/>
          <p:nvPr userDrawn="1"/>
        </p:nvGrpSpPr>
        <p:grpSpPr>
          <a:xfrm>
            <a:off x="828000" y="3279600"/>
            <a:ext cx="568800" cy="284416"/>
            <a:chOff x="799664" y="1322490"/>
            <a:chExt cx="568800" cy="284416"/>
          </a:xfrm>
          <a:solidFill>
            <a:srgbClr val="73BCB1"/>
          </a:solidFill>
        </p:grpSpPr>
        <p:sp>
          <p:nvSpPr>
            <p:cNvPr id="59" name="Rounded Rectangle 58"/>
            <p:cNvSpPr/>
            <p:nvPr userDrawn="1"/>
          </p:nvSpPr>
          <p:spPr>
            <a:xfrm>
              <a:off x="799664" y="1322490"/>
              <a:ext cx="568800" cy="284416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60" name="Rectangle 59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61" name="Group 60"/>
          <p:cNvGrpSpPr/>
          <p:nvPr userDrawn="1"/>
        </p:nvGrpSpPr>
        <p:grpSpPr>
          <a:xfrm>
            <a:off x="6012000" y="1767600"/>
            <a:ext cx="568800" cy="284416"/>
            <a:chOff x="799664" y="1322490"/>
            <a:chExt cx="568800" cy="284416"/>
          </a:xfrm>
        </p:grpSpPr>
        <p:sp>
          <p:nvSpPr>
            <p:cNvPr id="62" name="Rounded Rectangle 61"/>
            <p:cNvSpPr/>
            <p:nvPr userDrawn="1"/>
          </p:nvSpPr>
          <p:spPr>
            <a:xfrm>
              <a:off x="799664" y="1322490"/>
              <a:ext cx="568800" cy="284248"/>
            </a:xfrm>
            <a:prstGeom prst="round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63" name="Rectangle 62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64" name="Group 63"/>
          <p:cNvGrpSpPr/>
          <p:nvPr userDrawn="1"/>
        </p:nvGrpSpPr>
        <p:grpSpPr>
          <a:xfrm>
            <a:off x="3420000" y="1767600"/>
            <a:ext cx="568800" cy="284416"/>
            <a:chOff x="799664" y="1322490"/>
            <a:chExt cx="568800" cy="284416"/>
          </a:xfrm>
        </p:grpSpPr>
        <p:sp>
          <p:nvSpPr>
            <p:cNvPr id="65" name="Rounded Rectangle 64"/>
            <p:cNvSpPr/>
            <p:nvPr userDrawn="1"/>
          </p:nvSpPr>
          <p:spPr>
            <a:xfrm>
              <a:off x="799664" y="1322490"/>
              <a:ext cx="568800" cy="284248"/>
            </a:xfrm>
            <a:prstGeom prst="round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66" name="Rectangle 65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67" name="Group 66"/>
          <p:cNvGrpSpPr/>
          <p:nvPr userDrawn="1"/>
        </p:nvGrpSpPr>
        <p:grpSpPr>
          <a:xfrm>
            <a:off x="827088" y="1767600"/>
            <a:ext cx="568800" cy="284416"/>
            <a:chOff x="799664" y="1322490"/>
            <a:chExt cx="568800" cy="284416"/>
          </a:xfrm>
        </p:grpSpPr>
        <p:sp>
          <p:nvSpPr>
            <p:cNvPr id="68" name="Rounded Rectangle 67"/>
            <p:cNvSpPr/>
            <p:nvPr userDrawn="1"/>
          </p:nvSpPr>
          <p:spPr>
            <a:xfrm>
              <a:off x="799664" y="1322490"/>
              <a:ext cx="568800" cy="284248"/>
            </a:xfrm>
            <a:prstGeom prst="round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69" name="Rectangle 68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sp>
        <p:nvSpPr>
          <p:cNvPr id="41" name="Text Placeholder 35"/>
          <p:cNvSpPr>
            <a:spLocks noGrp="1"/>
          </p:cNvSpPr>
          <p:nvPr>
            <p:ph type="body" sz="quarter" idx="237" hasCustomPrompt="1"/>
          </p:nvPr>
        </p:nvSpPr>
        <p:spPr>
          <a:xfrm>
            <a:off x="3419376" y="1778518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2</a:t>
            </a:r>
            <a:endParaRPr lang="en-US" dirty="0"/>
          </a:p>
        </p:txBody>
      </p:sp>
      <p:sp>
        <p:nvSpPr>
          <p:cNvPr id="49" name="Text Placeholder 35"/>
          <p:cNvSpPr>
            <a:spLocks noGrp="1"/>
          </p:cNvSpPr>
          <p:nvPr>
            <p:ph type="body" sz="quarter" idx="243" hasCustomPrompt="1"/>
          </p:nvPr>
        </p:nvSpPr>
        <p:spPr>
          <a:xfrm>
            <a:off x="827088" y="3290686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4</a:t>
            </a:r>
            <a:endParaRPr lang="en-US" dirty="0"/>
          </a:p>
        </p:txBody>
      </p:sp>
      <p:sp>
        <p:nvSpPr>
          <p:cNvPr id="57" name="Text Placeholder 35"/>
          <p:cNvSpPr>
            <a:spLocks noGrp="1"/>
          </p:cNvSpPr>
          <p:nvPr>
            <p:ph type="body" sz="quarter" idx="249" hasCustomPrompt="1"/>
          </p:nvPr>
        </p:nvSpPr>
        <p:spPr>
          <a:xfrm>
            <a:off x="6011664" y="3290686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6</a:t>
            </a:r>
            <a:endParaRPr lang="en-US" dirty="0"/>
          </a:p>
        </p:txBody>
      </p:sp>
      <p:sp>
        <p:nvSpPr>
          <p:cNvPr id="37" name="Text Placeholder 27"/>
          <p:cNvSpPr>
            <a:spLocks noGrp="1"/>
          </p:cNvSpPr>
          <p:nvPr>
            <p:ph type="body" sz="quarter" idx="234" hasCustomPrompt="1"/>
          </p:nvPr>
        </p:nvSpPr>
        <p:spPr>
          <a:xfrm>
            <a:off x="827584" y="2055132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93776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NUMBER LIST SAMPLE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03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27"/>
          <p:cNvSpPr>
            <a:spLocks noGrp="1"/>
          </p:cNvSpPr>
          <p:nvPr>
            <p:ph type="body" sz="quarter" idx="221" hasCustomPrompt="1"/>
          </p:nvPr>
        </p:nvSpPr>
        <p:spPr>
          <a:xfrm>
            <a:off x="1403648" y="1779662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233" hasCustomPrompt="1"/>
          </p:nvPr>
        </p:nvSpPr>
        <p:spPr>
          <a:xfrm>
            <a:off x="827088" y="1778518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1</a:t>
            </a:r>
            <a:endParaRPr lang="en-US" dirty="0"/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235" hasCustomPrompt="1"/>
          </p:nvPr>
        </p:nvSpPr>
        <p:spPr>
          <a:xfrm>
            <a:off x="3419872" y="2055132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236" hasCustomPrompt="1"/>
          </p:nvPr>
        </p:nvSpPr>
        <p:spPr>
          <a:xfrm>
            <a:off x="3995936" y="1779662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2" name="Text Placeholder 27"/>
          <p:cNvSpPr>
            <a:spLocks noGrp="1"/>
          </p:cNvSpPr>
          <p:nvPr>
            <p:ph type="body" sz="quarter" idx="238" hasCustomPrompt="1"/>
          </p:nvPr>
        </p:nvSpPr>
        <p:spPr>
          <a:xfrm>
            <a:off x="6012160" y="2055132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239" hasCustomPrompt="1"/>
          </p:nvPr>
        </p:nvSpPr>
        <p:spPr>
          <a:xfrm>
            <a:off x="6588224" y="1779662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5" name="Text Placeholder 35"/>
          <p:cNvSpPr>
            <a:spLocks noGrp="1"/>
          </p:cNvSpPr>
          <p:nvPr>
            <p:ph type="body" sz="quarter" idx="240" hasCustomPrompt="1"/>
          </p:nvPr>
        </p:nvSpPr>
        <p:spPr>
          <a:xfrm>
            <a:off x="6011664" y="1778518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3</a:t>
            </a:r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241" hasCustomPrompt="1"/>
          </p:nvPr>
        </p:nvSpPr>
        <p:spPr>
          <a:xfrm>
            <a:off x="827584" y="3567300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7" name="Text Placeholder 27"/>
          <p:cNvSpPr>
            <a:spLocks noGrp="1"/>
          </p:cNvSpPr>
          <p:nvPr>
            <p:ph type="body" sz="quarter" idx="242" hasCustomPrompt="1"/>
          </p:nvPr>
        </p:nvSpPr>
        <p:spPr>
          <a:xfrm>
            <a:off x="1403648" y="3291830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50" name="Text Placeholder 27"/>
          <p:cNvSpPr>
            <a:spLocks noGrp="1"/>
          </p:cNvSpPr>
          <p:nvPr>
            <p:ph type="body" sz="quarter" idx="244" hasCustomPrompt="1"/>
          </p:nvPr>
        </p:nvSpPr>
        <p:spPr>
          <a:xfrm>
            <a:off x="3419872" y="3567300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245" hasCustomPrompt="1"/>
          </p:nvPr>
        </p:nvSpPr>
        <p:spPr>
          <a:xfrm>
            <a:off x="3995936" y="3291830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53" name="Text Placeholder 35"/>
          <p:cNvSpPr>
            <a:spLocks noGrp="1"/>
          </p:cNvSpPr>
          <p:nvPr>
            <p:ph type="body" sz="quarter" idx="246" hasCustomPrompt="1"/>
          </p:nvPr>
        </p:nvSpPr>
        <p:spPr>
          <a:xfrm>
            <a:off x="3419376" y="3290686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5</a:t>
            </a:r>
            <a:endParaRPr lang="en-US" dirty="0"/>
          </a:p>
        </p:txBody>
      </p:sp>
      <p:sp>
        <p:nvSpPr>
          <p:cNvPr id="54" name="Text Placeholder 27"/>
          <p:cNvSpPr>
            <a:spLocks noGrp="1"/>
          </p:cNvSpPr>
          <p:nvPr>
            <p:ph type="body" sz="quarter" idx="247" hasCustomPrompt="1"/>
          </p:nvPr>
        </p:nvSpPr>
        <p:spPr>
          <a:xfrm>
            <a:off x="6012160" y="3567300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55" name="Text Placeholder 27"/>
          <p:cNvSpPr>
            <a:spLocks noGrp="1"/>
          </p:cNvSpPr>
          <p:nvPr>
            <p:ph type="body" sz="quarter" idx="248" hasCustomPrompt="1"/>
          </p:nvPr>
        </p:nvSpPr>
        <p:spPr>
          <a:xfrm>
            <a:off x="6588224" y="3291830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48072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75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4750"/>
                            </p:stCondLst>
                            <p:childTnLst>
                              <p:par>
                                <p:cTn id="42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5750"/>
                            </p:stCondLst>
                            <p:childTnLst>
                              <p:par>
                                <p:cTn id="5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6750"/>
                            </p:stCondLst>
                            <p:childTnLst>
                              <p:par>
                                <p:cTn id="68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7750"/>
                            </p:stCondLst>
                            <p:childTnLst>
                              <p:par>
                                <p:cTn id="81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27"/>
          <p:cNvSpPr>
            <a:spLocks noGrp="1"/>
          </p:cNvSpPr>
          <p:nvPr>
            <p:ph type="body" sz="quarter" idx="33"/>
          </p:nvPr>
        </p:nvSpPr>
        <p:spPr>
          <a:xfrm>
            <a:off x="897481" y="2108665"/>
            <a:ext cx="7366359" cy="2335292"/>
          </a:xfrm>
          <a:prstGeom prst="rect">
            <a:avLst/>
          </a:prstGeom>
        </p:spPr>
        <p:txBody>
          <a:bodyPr lIns="73152" tIns="45720" rIns="73152" bIns="91440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897480" y="1563637"/>
            <a:ext cx="7366359" cy="514309"/>
          </a:xfrm>
          <a:prstGeom prst="rect">
            <a:avLst/>
          </a:prstGeom>
        </p:spPr>
        <p:txBody>
          <a:bodyPr lIns="73152" tIns="182880" rIns="73152" bIns="91440"/>
          <a:lstStyle>
            <a:lvl1pPr marL="0" indent="0" algn="l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1208" y="420624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XT CONTENT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39496" y="832104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 COLUMN</a:t>
            </a:r>
            <a:endParaRPr lang="en-US" dirty="0"/>
          </a:p>
        </p:txBody>
      </p:sp>
      <p:sp>
        <p:nvSpPr>
          <p:cNvPr id="21" name="Rectangle 20"/>
          <p:cNvSpPr/>
          <p:nvPr userDrawn="1"/>
        </p:nvSpPr>
        <p:spPr>
          <a:xfrm>
            <a:off x="3779913" y="1491630"/>
            <a:ext cx="4407408" cy="66124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Rectangle 21"/>
          <p:cNvSpPr/>
          <p:nvPr userDrawn="1"/>
        </p:nvSpPr>
        <p:spPr>
          <a:xfrm>
            <a:off x="971600" y="4443956"/>
            <a:ext cx="2160240" cy="64008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23731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750"/>
                            </p:stCondLst>
                            <p:childTnLst>
                              <p:par>
                                <p:cTn id="27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2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22" grpId="0" animBg="1"/>
    </p:bld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897481" y="1563637"/>
            <a:ext cx="3600400" cy="2880320"/>
          </a:xfrm>
          <a:prstGeom prst="rect">
            <a:avLst/>
          </a:prstGeom>
        </p:spPr>
        <p:txBody>
          <a:bodyPr lIns="73152" tIns="182880" rIns="73152" bIns="91440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3"/>
          </p:nvPr>
        </p:nvSpPr>
        <p:spPr>
          <a:xfrm>
            <a:off x="4663440" y="1576374"/>
            <a:ext cx="3600400" cy="2880320"/>
          </a:xfrm>
          <a:prstGeom prst="rect">
            <a:avLst/>
          </a:prstGeom>
        </p:spPr>
        <p:txBody>
          <a:bodyPr lIns="73152" tIns="182880" rIns="73152" bIns="91440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1208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XT CONTENT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 COLUMNS </a:t>
            </a:r>
            <a:endParaRPr lang="en-US" dirty="0"/>
          </a:p>
        </p:txBody>
      </p:sp>
      <p:sp>
        <p:nvSpPr>
          <p:cNvPr id="11" name="Rectangle 10"/>
          <p:cNvSpPr/>
          <p:nvPr userDrawn="1"/>
        </p:nvSpPr>
        <p:spPr>
          <a:xfrm>
            <a:off x="3779913" y="1491630"/>
            <a:ext cx="4407408" cy="66124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/>
          <p:cNvSpPr/>
          <p:nvPr userDrawn="1"/>
        </p:nvSpPr>
        <p:spPr>
          <a:xfrm>
            <a:off x="971600" y="4443956"/>
            <a:ext cx="2160240" cy="64008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36318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5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500"/>
                            </p:stCondLst>
                            <p:childTnLst>
                              <p:par>
                                <p:cTn id="27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2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2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2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12" grpId="0" animBg="1"/>
    </p:bld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27"/>
          <p:cNvSpPr>
            <a:spLocks noGrp="1"/>
          </p:cNvSpPr>
          <p:nvPr>
            <p:ph type="body" sz="quarter" idx="33" hasCustomPrompt="1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GROWTH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 OUR SUSTAINED</a:t>
            </a:r>
            <a:endParaRPr lang="en-US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539496" y="1162752"/>
            <a:ext cx="3595752" cy="400886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2532888" y="1923678"/>
            <a:ext cx="1728192" cy="252028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407408" y="1923678"/>
            <a:ext cx="1728192" cy="252028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6281928" y="1923678"/>
            <a:ext cx="1728192" cy="252028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365772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6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700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/>
      <p:bldP spid="21" grpId="0" animBg="1"/>
      <p:bldP spid="22" grpId="0" animBg="1"/>
    </p:bld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385134" y="438913"/>
            <a:ext cx="4291321" cy="764686"/>
          </a:xfrm>
          <a:prstGeom prst="rect">
            <a:avLst/>
          </a:prstGeom>
        </p:spPr>
        <p:txBody>
          <a:bodyPr tIns="91440"/>
          <a:lstStyle>
            <a:lvl1pPr marL="0" indent="0" algn="l">
              <a:lnSpc>
                <a:spcPct val="90000"/>
              </a:lnSpc>
              <a:buNone/>
              <a:defRPr sz="11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559097" y="1744184"/>
            <a:ext cx="1875287" cy="2771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2615785" y="1744184"/>
            <a:ext cx="1875287" cy="2771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4672473" y="1744184"/>
            <a:ext cx="1875287" cy="2771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6729161" y="1744184"/>
            <a:ext cx="1875287" cy="2771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EOPLE</a:t>
            </a:r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43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MPOWERED</a:t>
            </a:r>
            <a:endParaRPr lang="en-US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83201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6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675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75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/>
      <p:bldP spid="10" grpId="0" animBg="1"/>
      <p:bldP spid="11" grpId="0" animBg="1"/>
      <p:bldP spid="12" grpId="0" animBg="1"/>
      <p:bldP spid="1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84068" y="3552630"/>
            <a:ext cx="2752829" cy="110735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558934" y="1491630"/>
            <a:ext cx="2542149" cy="1800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3"/>
          </p:nvPr>
        </p:nvSpPr>
        <p:spPr>
          <a:xfrm>
            <a:off x="492089" y="3363839"/>
            <a:ext cx="2617014" cy="260634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1" strike="noStrike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34"/>
          </p:nvPr>
        </p:nvSpPr>
        <p:spPr>
          <a:xfrm>
            <a:off x="3275855" y="3552630"/>
            <a:ext cx="2752829" cy="110735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3350721" y="1491630"/>
            <a:ext cx="2542149" cy="1800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36"/>
          </p:nvPr>
        </p:nvSpPr>
        <p:spPr>
          <a:xfrm>
            <a:off x="3283876" y="3363839"/>
            <a:ext cx="2617014" cy="260634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1" strike="noStrike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37"/>
          </p:nvPr>
        </p:nvSpPr>
        <p:spPr>
          <a:xfrm>
            <a:off x="6067642" y="3552630"/>
            <a:ext cx="2752829" cy="110735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38"/>
          </p:nvPr>
        </p:nvSpPr>
        <p:spPr>
          <a:xfrm>
            <a:off x="6142508" y="1491630"/>
            <a:ext cx="2542149" cy="1800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39"/>
          </p:nvPr>
        </p:nvSpPr>
        <p:spPr>
          <a:xfrm>
            <a:off x="6075663" y="3363839"/>
            <a:ext cx="2617014" cy="260634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1" strike="noStrike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DIVISIONS</a:t>
            </a:r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20624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GLOBAL</a:t>
            </a:r>
            <a:endParaRPr lang="en-US" dirty="0"/>
          </a:p>
        </p:txBody>
      </p:sp>
      <p:cxnSp>
        <p:nvCxnSpPr>
          <p:cNvPr id="26" name="Straight Connector 25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14938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 nodePh="1">
                                  <p:stCondLst>
                                    <p:cond delay="1000"/>
                                  </p:stCondLst>
                                  <p:endCondLst>
                                    <p:cond evt="begin" delay="0">
                                      <p:tn val="1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 nodePh="1">
                                  <p:stCondLst>
                                    <p:cond delay="1000"/>
                                  </p:stCondLst>
                                  <p:endCondLst>
                                    <p:cond evt="begin" delay="0">
                                      <p:tn val="2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75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25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10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9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10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/>
      <p:bldP spid="14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/>
      <p:bldP spid="21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6"/>
          <p:cNvSpPr>
            <a:spLocks noGrp="1"/>
          </p:cNvSpPr>
          <p:nvPr>
            <p:ph type="pic" sz="quarter" idx="26"/>
          </p:nvPr>
        </p:nvSpPr>
        <p:spPr>
          <a:xfrm>
            <a:off x="107504" y="163356"/>
            <a:ext cx="5630187" cy="499173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986589" y="3002197"/>
            <a:ext cx="3761875" cy="504056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4860032" y="1635646"/>
            <a:ext cx="3877649" cy="982554"/>
          </a:xfrm>
          <a:prstGeom prst="rect">
            <a:avLst/>
          </a:prstGeom>
        </p:spPr>
        <p:txBody>
          <a:bodyPr anchor="b"/>
          <a:lstStyle>
            <a:lvl1pPr marL="0" indent="0" algn="r">
              <a:lnSpc>
                <a:spcPct val="70000"/>
              </a:lnSpc>
              <a:buNone/>
              <a:defRPr sz="32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RESPONSIBILITY AND TRUST</a:t>
            </a:r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8858867" y="1837944"/>
            <a:ext cx="0" cy="151790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5242327" y="2715766"/>
            <a:ext cx="3495353" cy="362769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472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22" presetClass="entr" presetSubtype="2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750"/>
                            </p:stCondLst>
                            <p:childTnLst>
                              <p:par>
                                <p:cTn id="17" presetID="22" presetClass="entr" presetSubtype="2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9" dur="1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4750"/>
                            </p:stCondLst>
                            <p:childTnLst>
                              <p:par>
                                <p:cTn id="21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/>
      <p:bldP spid="29" grpId="0">
        <p:tmplLst>
          <p:tmpl>
            <p:tnLst>
              <p:par>
                <p:cTn presetID="22" presetClass="entr" presetSubtype="2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/>
      <p:bldP spid="16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Picture Placeholder 6"/>
          <p:cNvSpPr>
            <a:spLocks noGrp="1"/>
          </p:cNvSpPr>
          <p:nvPr>
            <p:ph type="pic" sz="quarter" idx="18"/>
          </p:nvPr>
        </p:nvSpPr>
        <p:spPr>
          <a:xfrm>
            <a:off x="1331641" y="2578608"/>
            <a:ext cx="3248271" cy="1285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20"/>
          </p:nvPr>
        </p:nvSpPr>
        <p:spPr>
          <a:xfrm>
            <a:off x="4581143" y="2581050"/>
            <a:ext cx="4581915" cy="1280160"/>
          </a:xfrm>
          <a:prstGeom prst="rect">
            <a:avLst/>
          </a:prstGeom>
          <a:solidFill>
            <a:srgbClr val="FFFFFF"/>
          </a:solidFill>
        </p:spPr>
        <p:txBody>
          <a:bodyPr lIns="640080" rIns="274320" anchor="ctr"/>
          <a:lstStyle>
            <a:lvl1pPr marL="0" indent="0" algn="thaiDist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21"/>
          </p:nvPr>
        </p:nvSpPr>
        <p:spPr>
          <a:xfrm>
            <a:off x="-21290" y="3870629"/>
            <a:ext cx="4591613" cy="1272871"/>
          </a:xfrm>
          <a:prstGeom prst="rect">
            <a:avLst/>
          </a:prstGeom>
          <a:solidFill>
            <a:srgbClr val="FFFFFF"/>
          </a:solidFill>
        </p:spPr>
        <p:txBody>
          <a:bodyPr lIns="365760" rIns="640080" anchor="ctr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Rectangle 32"/>
          <p:cNvSpPr/>
          <p:nvPr userDrawn="1"/>
        </p:nvSpPr>
        <p:spPr>
          <a:xfrm>
            <a:off x="-21289" y="2581051"/>
            <a:ext cx="1352930" cy="128016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25"/>
          </p:nvPr>
        </p:nvSpPr>
        <p:spPr>
          <a:xfrm>
            <a:off x="5932842" y="3862800"/>
            <a:ext cx="3219459" cy="1289304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3419872" y="515375"/>
            <a:ext cx="4753672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ABOUT COMPANY</a:t>
            </a:r>
          </a:p>
          <a:p>
            <a:pPr lvl="0"/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4650678" y="1235455"/>
            <a:ext cx="3523186" cy="54420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317469" y="636670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 Placeholder 27"/>
          <p:cNvSpPr>
            <a:spLocks noGrp="1"/>
          </p:cNvSpPr>
          <p:nvPr>
            <p:ph type="body" sz="quarter" idx="31"/>
          </p:nvPr>
        </p:nvSpPr>
        <p:spPr>
          <a:xfrm>
            <a:off x="3418728" y="932688"/>
            <a:ext cx="4753672" cy="293623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6" name="Rectangle 35"/>
          <p:cNvSpPr/>
          <p:nvPr userDrawn="1"/>
        </p:nvSpPr>
        <p:spPr>
          <a:xfrm>
            <a:off x="4577435" y="3861210"/>
            <a:ext cx="1360240" cy="129240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3672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2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2" fill="hold" grpId="0" nodeType="after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2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6250"/>
                            </p:stCondLst>
                            <p:childTnLst>
                              <p:par>
                                <p:cTn id="24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6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7000"/>
                            </p:stCondLst>
                            <p:childTnLst>
                              <p:par>
                                <p:cTn id="2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0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7750"/>
                            </p:stCondLst>
                            <p:childTnLst>
                              <p:par>
                                <p:cTn id="3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4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8500"/>
                            </p:stCondLst>
                            <p:childTnLst>
                              <p:par>
                                <p:cTn id="3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9250"/>
                            </p:stCondLst>
                            <p:childTnLst>
                              <p:par>
                                <p:cTn id="4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  <p:bldP spid="31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animBg="1"/>
      <p:bldP spid="29" grpId="0" animBg="1"/>
      <p:bldP spid="1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animBg="1"/>
    </p:bld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3995935" y="-9349"/>
            <a:ext cx="2560320" cy="378561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6583680" y="-6817"/>
            <a:ext cx="2560320" cy="25603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3995935" y="3803904"/>
            <a:ext cx="2560320" cy="134416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6583680" y="2569259"/>
            <a:ext cx="2560320" cy="257860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0" y="1563639"/>
            <a:ext cx="3977640" cy="3579862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107504" y="843558"/>
            <a:ext cx="345501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fontAlgn="ctr"/>
            <a:r>
              <a:rPr lang="en-US" dirty="0" smtClean="0"/>
              <a:t>BRANDS</a:t>
            </a:r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107504" y="411510"/>
            <a:ext cx="347185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fontAlgn="ctr"/>
            <a:r>
              <a:rPr lang="en-US" dirty="0" smtClean="0"/>
              <a:t>OUR GLOBAL</a:t>
            </a:r>
            <a:endParaRPr lang="en-US" dirty="0"/>
          </a:p>
        </p:txBody>
      </p:sp>
      <p:cxnSp>
        <p:nvCxnSpPr>
          <p:cNvPr id="30" name="Straight Connector 29"/>
          <p:cNvCxnSpPr/>
          <p:nvPr userDrawn="1"/>
        </p:nvCxnSpPr>
        <p:spPr>
          <a:xfrm>
            <a:off x="3694240" y="55778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1005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10" grpId="0" animBg="1"/>
      <p:bldP spid="18" grpId="0" animBg="1"/>
      <p:bldP spid="21" grpId="0" animBg="1"/>
      <p:bldP spid="9" grpId="0" animBg="1"/>
      <p:bldP spid="28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3995935" y="-6817"/>
            <a:ext cx="5148065" cy="2534469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4005072" y="3836162"/>
            <a:ext cx="2782016" cy="130733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6796247" y="2551176"/>
            <a:ext cx="2347753" cy="260604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0" y="-9349"/>
            <a:ext cx="3977640" cy="253700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3977641" y="2527652"/>
            <a:ext cx="2800312" cy="1298448"/>
          </a:xfrm>
          <a:prstGeom prst="rect">
            <a:avLst/>
          </a:prstGeom>
          <a:noFill/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6" hasCustomPrompt="1"/>
          </p:nvPr>
        </p:nvSpPr>
        <p:spPr>
          <a:xfrm>
            <a:off x="0" y="2554048"/>
            <a:ext cx="3977640" cy="2589452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40260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8" grpId="0" animBg="1"/>
      <p:bldP spid="21" grpId="0" animBg="1"/>
      <p:bldP spid="9" grpId="0" animBg="1"/>
      <p:bldP spid="17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/>
    </p:bld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-1" y="0"/>
            <a:ext cx="2560320" cy="378561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2587744" y="2532"/>
            <a:ext cx="2560320" cy="25603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-1" y="3803904"/>
            <a:ext cx="2560320" cy="134304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2587744" y="2587752"/>
            <a:ext cx="2560320" cy="25603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5166360" y="-11767"/>
            <a:ext cx="3977640" cy="3301981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36" hasCustomPrompt="1"/>
          </p:nvPr>
        </p:nvSpPr>
        <p:spPr>
          <a:xfrm>
            <a:off x="5148064" y="3712464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GOAL</a:t>
            </a:r>
            <a:endParaRPr lang="en-US" dirty="0"/>
          </a:p>
        </p:txBody>
      </p:sp>
      <p:cxnSp>
        <p:nvCxnSpPr>
          <p:cNvPr id="25" name="Straight Connector 24"/>
          <p:cNvCxnSpPr/>
          <p:nvPr userDrawn="1"/>
        </p:nvCxnSpPr>
        <p:spPr>
          <a:xfrm>
            <a:off x="8878760" y="3831336"/>
            <a:ext cx="0" cy="55778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 Placeholder 27"/>
          <p:cNvSpPr>
            <a:spLocks noGrp="1"/>
          </p:cNvSpPr>
          <p:nvPr>
            <p:ph type="body" sz="quarter" idx="37"/>
          </p:nvPr>
        </p:nvSpPr>
        <p:spPr>
          <a:xfrm>
            <a:off x="5148064" y="4139432"/>
            <a:ext cx="3599032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4958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10" grpId="0" animBg="1"/>
      <p:bldP spid="18" grpId="0" animBg="1"/>
      <p:bldP spid="21" grpId="0" animBg="1"/>
      <p:bldP spid="9" grpId="0" animBg="1"/>
      <p:bldP spid="2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>
        <p:tmplLst>
          <p:tmpl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4870168" y="771550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6121875" y="771550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7380312" y="771550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4867234" y="2008528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6123773" y="2008528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36"/>
          </p:nvPr>
        </p:nvSpPr>
        <p:spPr>
          <a:xfrm>
            <a:off x="7380312" y="2008528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37"/>
          </p:nvPr>
        </p:nvSpPr>
        <p:spPr>
          <a:xfrm>
            <a:off x="4858864" y="3245506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8"/>
          </p:nvPr>
        </p:nvSpPr>
        <p:spPr>
          <a:xfrm>
            <a:off x="6115403" y="3245506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39"/>
          </p:nvPr>
        </p:nvSpPr>
        <p:spPr>
          <a:xfrm>
            <a:off x="7371942" y="3245506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770850" y="2724837"/>
            <a:ext cx="3657895" cy="1074189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646322" y="2724837"/>
            <a:ext cx="0" cy="999041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745200" y="1965558"/>
            <a:ext cx="3888776" cy="246152"/>
          </a:xfrm>
          <a:prstGeom prst="rect">
            <a:avLst/>
          </a:prstGeom>
        </p:spPr>
        <p:txBody>
          <a:bodyPr rIns="128016" anchor="ctr"/>
          <a:lstStyle>
            <a:lvl1pPr marL="0" indent="0" algn="l">
              <a:buNone/>
              <a:defRPr sz="1800" b="0" spc="0" baseline="0">
                <a:solidFill>
                  <a:srgbClr val="97CDC5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oesn't have to be visible.       </a:t>
            </a:r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647992" y="1276729"/>
            <a:ext cx="3978776" cy="406792"/>
          </a:xfrm>
          <a:prstGeom prst="rect">
            <a:avLst/>
          </a:prstGeom>
        </p:spPr>
        <p:txBody>
          <a:bodyPr lIns="18288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600" b="1" spc="-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TELLIGENT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85" hasCustomPrompt="1"/>
          </p:nvPr>
        </p:nvSpPr>
        <p:spPr>
          <a:xfrm>
            <a:off x="647490" y="2210400"/>
            <a:ext cx="3977608" cy="311388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lnSpc>
                <a:spcPts val="3500"/>
              </a:lnSpc>
              <a:spcBef>
                <a:spcPts val="0"/>
              </a:spcBef>
              <a:buNone/>
              <a:defRPr sz="2800" b="1" spc="-100" baseline="0">
                <a:solidFill>
                  <a:srgbClr val="73BCB1"/>
                </a:solidFill>
                <a:effectLst/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INNOVATIONS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86" hasCustomPrompt="1"/>
          </p:nvPr>
        </p:nvSpPr>
        <p:spPr>
          <a:xfrm>
            <a:off x="662400" y="1691316"/>
            <a:ext cx="3978776" cy="263180"/>
          </a:xfrm>
          <a:prstGeom prst="rect">
            <a:avLst/>
          </a:prstGeom>
        </p:spPr>
        <p:txBody>
          <a:bodyPr lIns="18288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800" b="1" spc="-10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CHNOLOGY</a:t>
            </a:r>
          </a:p>
        </p:txBody>
      </p:sp>
    </p:spTree>
    <p:extLst>
      <p:ext uri="{BB962C8B-B14F-4D97-AF65-F5344CB8AC3E}">
        <p14:creationId xmlns:p14="http://schemas.microsoft.com/office/powerpoint/2010/main" val="41485322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11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17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2700"/>
                            </p:stCondLst>
                            <p:childTnLst>
                              <p:par>
                                <p:cTn id="18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4200"/>
                            </p:stCondLst>
                            <p:childTnLst>
                              <p:par>
                                <p:cTn id="22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52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13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20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13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15" grpId="0" animBg="1"/>
      <p:bldP spid="18" grpId="0" animBg="1"/>
      <p:bldP spid="20" grpId="0" animBg="1"/>
      <p:bldP spid="21" grpId="0" animBg="1"/>
      <p:bldP spid="22" grpId="0" animBg="1"/>
      <p:bldP spid="11" grpId="0" animBg="1"/>
      <p:bldP spid="12" grpId="0" animBg="1"/>
      <p:bldP spid="13" grpId="0" animBg="1"/>
      <p:bldP spid="14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1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7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6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47795" y="1796374"/>
            <a:ext cx="4896544" cy="2820836"/>
          </a:xfrm>
          <a:prstGeom prst="rect">
            <a:avLst/>
          </a:prstGeom>
        </p:spPr>
      </p:pic>
      <p:sp>
        <p:nvSpPr>
          <p:cNvPr id="20" name="Rounded Rectangle 19"/>
          <p:cNvSpPr/>
          <p:nvPr userDrawn="1"/>
        </p:nvSpPr>
        <p:spPr>
          <a:xfrm>
            <a:off x="1441378" y="3279399"/>
            <a:ext cx="1368152" cy="565212"/>
          </a:xfrm>
          <a:prstGeom prst="roundRect">
            <a:avLst>
              <a:gd name="adj" fmla="val 8805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0525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PRINCIPLES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OUR GUIDING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 Placeholder 30"/>
          <p:cNvSpPr>
            <a:spLocks noGrp="1"/>
          </p:cNvSpPr>
          <p:nvPr>
            <p:ph type="body" sz="quarter" idx="45"/>
          </p:nvPr>
        </p:nvSpPr>
        <p:spPr>
          <a:xfrm>
            <a:off x="4258008" y="384048"/>
            <a:ext cx="4383071" cy="1008112"/>
          </a:xfrm>
          <a:prstGeom prst="rect">
            <a:avLst/>
          </a:prstGeom>
        </p:spPr>
        <p:txBody>
          <a:bodyPr tIns="18288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2881830" y="1971015"/>
            <a:ext cx="3632932" cy="233189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6" name="Rounded Rectangle 5"/>
          <p:cNvSpPr/>
          <p:nvPr userDrawn="1"/>
        </p:nvSpPr>
        <p:spPr>
          <a:xfrm>
            <a:off x="6756778" y="2403398"/>
            <a:ext cx="1775662" cy="915783"/>
          </a:xfrm>
          <a:prstGeom prst="roundRect">
            <a:avLst>
              <a:gd name="adj" fmla="val 8805"/>
            </a:avLst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2" name="Rounded Rectangle 21"/>
          <p:cNvSpPr/>
          <p:nvPr userDrawn="1"/>
        </p:nvSpPr>
        <p:spPr>
          <a:xfrm>
            <a:off x="641387" y="2283718"/>
            <a:ext cx="1368152" cy="565212"/>
          </a:xfrm>
          <a:prstGeom prst="roundRect">
            <a:avLst>
              <a:gd name="adj" fmla="val 8805"/>
            </a:avLst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rIns="45720" rtlCol="0" anchor="ctr"/>
          <a:lstStyle/>
          <a:p>
            <a:pPr algn="ctr"/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87"/>
          </p:nvPr>
        </p:nvSpPr>
        <p:spPr>
          <a:xfrm>
            <a:off x="6785937" y="2437659"/>
            <a:ext cx="1709928" cy="830237"/>
          </a:xfrm>
          <a:prstGeom prst="rect">
            <a:avLst/>
          </a:prstGeom>
        </p:spPr>
        <p:txBody>
          <a:bodyPr lIns="45720" tIns="45720" rIns="45720" bIns="45720" anchor="ctr"/>
          <a:lstStyle>
            <a:lvl1pPr marL="0" indent="0" algn="ctr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88"/>
          </p:nvPr>
        </p:nvSpPr>
        <p:spPr>
          <a:xfrm>
            <a:off x="641387" y="2290033"/>
            <a:ext cx="1368152" cy="558897"/>
          </a:xfrm>
          <a:prstGeom prst="rect">
            <a:avLst/>
          </a:prstGeom>
          <a:noFill/>
        </p:spPr>
        <p:txBody>
          <a:bodyPr lIns="45720" tIns="45720" rIns="45720" bIns="45720" anchor="ctr"/>
          <a:lstStyle>
            <a:lvl1pPr marL="0" indent="0" algn="ctr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Text Placeholder 30"/>
          <p:cNvSpPr>
            <a:spLocks noGrp="1"/>
          </p:cNvSpPr>
          <p:nvPr>
            <p:ph type="body" sz="quarter" idx="89"/>
          </p:nvPr>
        </p:nvSpPr>
        <p:spPr>
          <a:xfrm>
            <a:off x="1453090" y="3267896"/>
            <a:ext cx="1356440" cy="558897"/>
          </a:xfrm>
          <a:prstGeom prst="rect">
            <a:avLst/>
          </a:prstGeom>
          <a:noFill/>
        </p:spPr>
        <p:txBody>
          <a:bodyPr lIns="45720" tIns="45720" rIns="45720" bIns="45720" anchor="ctr"/>
          <a:lstStyle>
            <a:lvl1pPr marL="0" indent="0" algn="ctr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010072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6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675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80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92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75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/>
      <p:bldP spid="6" grpId="0" animBg="1"/>
      <p:bldP spid="22" grpId="0" animBg="1"/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23100" y="889476"/>
            <a:ext cx="2487546" cy="3190000"/>
          </a:xfrm>
          <a:prstGeom prst="rect">
            <a:avLst/>
          </a:prstGeom>
          <a:effectLst/>
        </p:spPr>
      </p:pic>
      <p:sp>
        <p:nvSpPr>
          <p:cNvPr id="11" name="Text Placeholder 30"/>
          <p:cNvSpPr>
            <a:spLocks noGrp="1"/>
          </p:cNvSpPr>
          <p:nvPr>
            <p:ph type="body" sz="quarter" idx="50" hasCustomPrompt="1"/>
          </p:nvPr>
        </p:nvSpPr>
        <p:spPr>
          <a:xfrm>
            <a:off x="6637256" y="892375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56" hasCustomPrompt="1"/>
          </p:nvPr>
        </p:nvSpPr>
        <p:spPr>
          <a:xfrm>
            <a:off x="7058606" y="2221075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57" hasCustomPrompt="1"/>
          </p:nvPr>
        </p:nvSpPr>
        <p:spPr>
          <a:xfrm>
            <a:off x="6875817" y="3585218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58" hasCustomPrompt="1"/>
          </p:nvPr>
        </p:nvSpPr>
        <p:spPr>
          <a:xfrm>
            <a:off x="677357" y="889476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r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59" hasCustomPrompt="1"/>
          </p:nvPr>
        </p:nvSpPr>
        <p:spPr>
          <a:xfrm>
            <a:off x="298519" y="2229995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r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60" hasCustomPrompt="1"/>
          </p:nvPr>
        </p:nvSpPr>
        <p:spPr>
          <a:xfrm>
            <a:off x="666301" y="3583790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r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7" name="Oval 16"/>
          <p:cNvSpPr/>
          <p:nvPr userDrawn="1"/>
        </p:nvSpPr>
        <p:spPr>
          <a:xfrm>
            <a:off x="2377827" y="1046165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18" name="Oval 17"/>
          <p:cNvSpPr/>
          <p:nvPr userDrawn="1"/>
        </p:nvSpPr>
        <p:spPr>
          <a:xfrm>
            <a:off x="2023182" y="2398948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19" name="Oval 18"/>
          <p:cNvSpPr/>
          <p:nvPr userDrawn="1"/>
        </p:nvSpPr>
        <p:spPr>
          <a:xfrm>
            <a:off x="2377827" y="3740479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20" name="Oval 19"/>
          <p:cNvSpPr/>
          <p:nvPr userDrawn="1"/>
        </p:nvSpPr>
        <p:spPr>
          <a:xfrm>
            <a:off x="6352453" y="1046165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21" name="Oval 20"/>
          <p:cNvSpPr/>
          <p:nvPr userDrawn="1"/>
        </p:nvSpPr>
        <p:spPr>
          <a:xfrm>
            <a:off x="6769714" y="2373715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22" name="Oval 21"/>
          <p:cNvSpPr/>
          <p:nvPr userDrawn="1"/>
        </p:nvSpPr>
        <p:spPr>
          <a:xfrm>
            <a:off x="6595299" y="3740479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25" name="Picture Placeholder 6"/>
          <p:cNvSpPr>
            <a:spLocks noGrp="1"/>
          </p:cNvSpPr>
          <p:nvPr>
            <p:ph type="pic" sz="quarter" idx="43"/>
          </p:nvPr>
        </p:nvSpPr>
        <p:spPr>
          <a:xfrm>
            <a:off x="3590005" y="1168025"/>
            <a:ext cx="1975104" cy="260604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cxnSp>
        <p:nvCxnSpPr>
          <p:cNvPr id="36" name="Elbow Connector 35"/>
          <p:cNvCxnSpPr>
            <a:stCxn id="18" idx="6"/>
          </p:cNvCxnSpPr>
          <p:nvPr userDrawn="1"/>
        </p:nvCxnSpPr>
        <p:spPr>
          <a:xfrm>
            <a:off x="2303700" y="2539207"/>
            <a:ext cx="1040768" cy="362447"/>
          </a:xfrm>
          <a:prstGeom prst="bentConnector3">
            <a:avLst>
              <a:gd name="adj1" fmla="val 41827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Elbow Connector 37"/>
          <p:cNvCxnSpPr>
            <a:stCxn id="19" idx="4"/>
            <a:endCxn id="3" idx="2"/>
          </p:cNvCxnSpPr>
          <p:nvPr userDrawn="1"/>
        </p:nvCxnSpPr>
        <p:spPr>
          <a:xfrm rot="16200000" flipH="1">
            <a:off x="3513240" y="3025842"/>
            <a:ext cx="58479" cy="2048787"/>
          </a:xfrm>
          <a:prstGeom prst="bentConnector3">
            <a:avLst>
              <a:gd name="adj1" fmla="val 490910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Elbow Connector 41"/>
          <p:cNvCxnSpPr>
            <a:stCxn id="21" idx="2"/>
          </p:cNvCxnSpPr>
          <p:nvPr userDrawn="1"/>
        </p:nvCxnSpPr>
        <p:spPr>
          <a:xfrm rot="10800000" flipV="1">
            <a:off x="5810646" y="2513974"/>
            <a:ext cx="959068" cy="489824"/>
          </a:xfrm>
          <a:prstGeom prst="bentConnector3">
            <a:avLst>
              <a:gd name="adj1" fmla="val 24501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/>
          <p:nvPr userDrawn="1"/>
        </p:nvCxnSpPr>
        <p:spPr>
          <a:xfrm rot="10800000">
            <a:off x="5796954" y="3600222"/>
            <a:ext cx="801461" cy="280517"/>
          </a:xfrm>
          <a:prstGeom prst="bentConnector3">
            <a:avLst>
              <a:gd name="adj1" fmla="val 67246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Elbow Connector 28"/>
          <p:cNvCxnSpPr/>
          <p:nvPr userDrawn="1"/>
        </p:nvCxnSpPr>
        <p:spPr>
          <a:xfrm flipV="1">
            <a:off x="2656605" y="979724"/>
            <a:ext cx="677551" cy="215828"/>
          </a:xfrm>
          <a:prstGeom prst="bentConnector3">
            <a:avLst>
              <a:gd name="adj1" fmla="val 59416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Elbow Connector 31"/>
          <p:cNvCxnSpPr>
            <a:endCxn id="3" idx="0"/>
          </p:cNvCxnSpPr>
          <p:nvPr userDrawn="1"/>
        </p:nvCxnSpPr>
        <p:spPr>
          <a:xfrm rot="10800000">
            <a:off x="4566873" y="889477"/>
            <a:ext cx="1783438" cy="265597"/>
          </a:xfrm>
          <a:prstGeom prst="bentConnector4">
            <a:avLst>
              <a:gd name="adj1" fmla="val 15130"/>
              <a:gd name="adj2" fmla="val 186070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457751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5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2500"/>
                            </p:stCondLst>
                            <p:childTnLst>
                              <p:par>
                                <p:cTn id="20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2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32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4000"/>
                            </p:stCondLst>
                            <p:childTnLst>
                              <p:par>
                                <p:cTn id="31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33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47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500"/>
                            </p:stCondLst>
                            <p:childTnLst>
                              <p:par>
                                <p:cTn id="42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4" dur="75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625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000"/>
                            </p:stCondLst>
                            <p:childTnLst>
                              <p:par>
                                <p:cTn id="53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55" dur="75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7750"/>
                            </p:stCondLst>
                            <p:childTnLst>
                              <p:par>
                                <p:cTn id="5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8500"/>
                            </p:stCondLst>
                            <p:childTnLst>
                              <p:par>
                                <p:cTn id="64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66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92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0000"/>
                            </p:stCondLst>
                            <p:childTnLst>
                              <p:par>
                                <p:cTn id="75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77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animBg="1"/>
      <p:bldP spid="18" grpId="0" animBg="1"/>
      <p:bldP spid="19" grpId="0" animBg="1"/>
      <p:bldP spid="20" grpId="0" animBg="1"/>
      <p:bldP spid="21" grpId="0" animBg="1"/>
      <p:bldP spid="22" grpId="0" animBg="1"/>
      <p:bldP spid="25" grpId="0" animBg="1"/>
    </p:bldLst>
  </p:timing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6"/>
          <p:cNvSpPr>
            <a:spLocks noGrp="1"/>
          </p:cNvSpPr>
          <p:nvPr>
            <p:ph type="pic" sz="quarter" idx="26"/>
          </p:nvPr>
        </p:nvSpPr>
        <p:spPr>
          <a:xfrm>
            <a:off x="4210621" y="723539"/>
            <a:ext cx="4661189" cy="41326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grpSp>
        <p:nvGrpSpPr>
          <p:cNvPr id="18" name="Group 17"/>
          <p:cNvGrpSpPr/>
          <p:nvPr userDrawn="1"/>
        </p:nvGrpSpPr>
        <p:grpSpPr>
          <a:xfrm>
            <a:off x="467544" y="2138071"/>
            <a:ext cx="4680520" cy="2521911"/>
            <a:chOff x="827676" y="789550"/>
            <a:chExt cx="1998627" cy="3726415"/>
          </a:xfrm>
          <a:solidFill>
            <a:srgbClr val="73BCB1"/>
          </a:solidFill>
        </p:grpSpPr>
        <p:sp>
          <p:nvSpPr>
            <p:cNvPr id="19" name="Right Triangle 3"/>
            <p:cNvSpPr/>
            <p:nvPr userDrawn="1"/>
          </p:nvSpPr>
          <p:spPr>
            <a:xfrm rot="13089176">
              <a:off x="2593438" y="1083763"/>
              <a:ext cx="232865" cy="859198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" name="Rectangular Callout 19"/>
            <p:cNvSpPr/>
            <p:nvPr userDrawn="1"/>
          </p:nvSpPr>
          <p:spPr>
            <a:xfrm rot="16200000">
              <a:off x="-63424" y="1680650"/>
              <a:ext cx="3726415" cy="1944216"/>
            </a:xfrm>
            <a:prstGeom prst="wedgeRectCallout">
              <a:avLst>
                <a:gd name="adj1" fmla="val 21501"/>
                <a:gd name="adj2" fmla="val 4955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9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99838" y="1393994"/>
            <a:ext cx="3761875" cy="504056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755576" y="475488"/>
            <a:ext cx="349535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2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OLOR SMITH</a:t>
            </a:r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4372116" y="599374"/>
            <a:ext cx="0" cy="566928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755576" y="919414"/>
            <a:ext cx="3495353" cy="362769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68" hasCustomPrompt="1"/>
          </p:nvPr>
        </p:nvSpPr>
        <p:spPr>
          <a:xfrm>
            <a:off x="899591" y="2427733"/>
            <a:ext cx="3672409" cy="1944217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</p:spTree>
    <p:extLst>
      <p:ext uri="{BB962C8B-B14F-4D97-AF65-F5344CB8AC3E}">
        <p14:creationId xmlns:p14="http://schemas.microsoft.com/office/powerpoint/2010/main" val="41304795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22" presetClass="entr" presetSubtype="4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2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2" fill="hold" nodeType="withEffect">
                                  <p:stCondLst>
                                    <p:cond delay="16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2" fill="hold" grpId="0" nodeType="withEffect">
                                  <p:stCondLst>
                                    <p:cond delay="16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8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/>
      <p:bldP spid="29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22" presetClass="entr" presetSubtype="2" fill="hold" nodeType="withEffect">
                  <p:stCondLst>
                    <p:cond delay="16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0" y="-11767"/>
            <a:ext cx="9144000" cy="515526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3164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0" y="559877"/>
            <a:ext cx="4428744" cy="273195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dirty="0">
              <a:solidFill>
                <a:srgbClr val="FCDAD4"/>
              </a:solidFill>
            </a:endParaRPr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4428744" y="559877"/>
            <a:ext cx="4715255" cy="2731953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1043608" y="3795887"/>
            <a:ext cx="5760640" cy="720080"/>
          </a:xfrm>
          <a:prstGeom prst="rect">
            <a:avLst/>
          </a:prstGeom>
        </p:spPr>
        <p:txBody>
          <a:bodyPr anchor="t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919080" y="3886200"/>
            <a:ext cx="0" cy="530352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 userDrawn="1"/>
        </p:nvSpPr>
        <p:spPr>
          <a:xfrm>
            <a:off x="0" y="3291830"/>
            <a:ext cx="9143999" cy="144016"/>
          </a:xfrm>
          <a:prstGeom prst="rect">
            <a:avLst/>
          </a:prstGeom>
          <a:solidFill>
            <a:schemeClr val="tx1">
              <a:lumMod val="50000"/>
              <a:lumOff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dirty="0">
              <a:solidFill>
                <a:srgbClr val="FCDAD4"/>
              </a:solidFill>
            </a:endParaRP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758952" y="1592099"/>
            <a:ext cx="3458530" cy="403587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 algn="l">
              <a:buNone/>
              <a:defRPr sz="38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z="3800" spc="0" dirty="0" smtClean="0"/>
              <a:t>FOR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781456" y="1975104"/>
            <a:ext cx="3430504" cy="321177"/>
          </a:xfrm>
          <a:prstGeom prst="rect">
            <a:avLst/>
          </a:prstGeom>
        </p:spPr>
        <p:txBody>
          <a:bodyPr tIns="0" bIns="0" anchor="ctr" anchorCtr="0"/>
          <a:lstStyle>
            <a:lvl1pPr marL="0" indent="0" algn="l">
              <a:buNone/>
              <a:defRPr sz="20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>
                <a:solidFill>
                  <a:schemeClr val="bg1"/>
                </a:solidFill>
              </a:rPr>
              <a:t>BUSINESS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779112" y="2258568"/>
            <a:ext cx="3432711" cy="493848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4400" b="1" spc="0" baseline="0">
                <a:solidFill>
                  <a:srgbClr val="39776E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ROWTH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776731" y="1275606"/>
            <a:ext cx="3432711" cy="323503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28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SPIRA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0439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6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750"/>
                            </p:stCondLst>
                            <p:childTnLst>
                              <p:par>
                                <p:cTn id="12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8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8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375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75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750"/>
                            </p:stCondLst>
                            <p:childTnLst>
                              <p:par>
                                <p:cTn id="33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5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26" grpId="0" animBg="1"/>
      <p:bldP spid="14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/>
      <p:bldP spid="8" grpId="0">
        <p:tmplLst>
          <p:tmpl>
            <p:tnLst>
              <p:par>
                <p:cTn presetID="22" presetClass="entr" presetSubtype="8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>
        <p:tmplLst>
          <p:tmpl>
            <p:tnLst>
              <p:par>
                <p:cTn presetID="22" presetClass="entr" presetSubtype="8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22" presetClass="entr" presetSubtype="8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8" y="915566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KNOW MORE ABOUT US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483518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BOUT BUSINESS 01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 userDrawn="1"/>
        </p:nvSpPr>
        <p:spPr>
          <a:xfrm>
            <a:off x="904786" y="2707672"/>
            <a:ext cx="2226384" cy="1099158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3461070" y="2707208"/>
            <a:ext cx="2226384" cy="1099158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1558774" y="1635647"/>
            <a:ext cx="845884" cy="76129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4115058" y="1635647"/>
            <a:ext cx="845884" cy="76129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27" hasCustomPrompt="1"/>
          </p:nvPr>
        </p:nvSpPr>
        <p:spPr>
          <a:xfrm>
            <a:off x="904786" y="2445283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HAT WE ARE?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3461071" y="2445284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HAT WE DO?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32"/>
          </p:nvPr>
        </p:nvSpPr>
        <p:spPr>
          <a:xfrm>
            <a:off x="971599" y="2714284"/>
            <a:ext cx="2120685" cy="109915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33"/>
          </p:nvPr>
        </p:nvSpPr>
        <p:spPr>
          <a:xfrm>
            <a:off x="3531435" y="2714284"/>
            <a:ext cx="2120685" cy="109915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Rectangle 20"/>
          <p:cNvSpPr/>
          <p:nvPr userDrawn="1"/>
        </p:nvSpPr>
        <p:spPr>
          <a:xfrm>
            <a:off x="6024456" y="2707207"/>
            <a:ext cx="2226384" cy="1099158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6678444" y="1635646"/>
            <a:ext cx="845884" cy="76129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6024457" y="2445283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HOW WE ARE DIFFERENT?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36"/>
          </p:nvPr>
        </p:nvSpPr>
        <p:spPr>
          <a:xfrm>
            <a:off x="6094821" y="2714284"/>
            <a:ext cx="2120685" cy="109915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Rectangle 24"/>
          <p:cNvSpPr/>
          <p:nvPr userDrawn="1"/>
        </p:nvSpPr>
        <p:spPr>
          <a:xfrm>
            <a:off x="1066077" y="3782239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Rectangle 27"/>
          <p:cNvSpPr/>
          <p:nvPr userDrawn="1"/>
        </p:nvSpPr>
        <p:spPr>
          <a:xfrm>
            <a:off x="3625913" y="3782239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ctangle 28"/>
          <p:cNvSpPr/>
          <p:nvPr userDrawn="1"/>
        </p:nvSpPr>
        <p:spPr>
          <a:xfrm>
            <a:off x="6189300" y="3782239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1475656" y="398111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2145225" y="3980550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0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1698028" y="3980551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41" hasCustomPrompt="1"/>
          </p:nvPr>
        </p:nvSpPr>
        <p:spPr>
          <a:xfrm>
            <a:off x="1922853" y="3980550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142" hasCustomPrompt="1"/>
          </p:nvPr>
        </p:nvSpPr>
        <p:spPr>
          <a:xfrm>
            <a:off x="2367597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43" hasCustomPrompt="1"/>
          </p:nvPr>
        </p:nvSpPr>
        <p:spPr>
          <a:xfrm>
            <a:off x="4001235" y="3981118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144" hasCustomPrompt="1"/>
          </p:nvPr>
        </p:nvSpPr>
        <p:spPr>
          <a:xfrm>
            <a:off x="4670804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0" name="Picture Placeholder 6"/>
          <p:cNvSpPr>
            <a:spLocks noGrp="1"/>
          </p:cNvSpPr>
          <p:nvPr>
            <p:ph type="pic" sz="quarter" idx="145" hasCustomPrompt="1"/>
          </p:nvPr>
        </p:nvSpPr>
        <p:spPr>
          <a:xfrm>
            <a:off x="4223607" y="3980550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1" name="Picture Placeholder 6"/>
          <p:cNvSpPr>
            <a:spLocks noGrp="1"/>
          </p:cNvSpPr>
          <p:nvPr>
            <p:ph type="pic" sz="quarter" idx="146" hasCustomPrompt="1"/>
          </p:nvPr>
        </p:nvSpPr>
        <p:spPr>
          <a:xfrm>
            <a:off x="4448432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2" name="Picture Placeholder 6"/>
          <p:cNvSpPr>
            <a:spLocks noGrp="1"/>
          </p:cNvSpPr>
          <p:nvPr>
            <p:ph type="pic" sz="quarter" idx="147" hasCustomPrompt="1"/>
          </p:nvPr>
        </p:nvSpPr>
        <p:spPr>
          <a:xfrm>
            <a:off x="4893176" y="3980548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148" hasCustomPrompt="1"/>
          </p:nvPr>
        </p:nvSpPr>
        <p:spPr>
          <a:xfrm>
            <a:off x="6566306" y="3981118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149" hasCustomPrompt="1"/>
          </p:nvPr>
        </p:nvSpPr>
        <p:spPr>
          <a:xfrm>
            <a:off x="7235875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5" name="Picture Placeholder 6"/>
          <p:cNvSpPr>
            <a:spLocks noGrp="1"/>
          </p:cNvSpPr>
          <p:nvPr>
            <p:ph type="pic" sz="quarter" idx="150" hasCustomPrompt="1"/>
          </p:nvPr>
        </p:nvSpPr>
        <p:spPr>
          <a:xfrm>
            <a:off x="6788678" y="3980550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6" name="Picture Placeholder 6"/>
          <p:cNvSpPr>
            <a:spLocks noGrp="1"/>
          </p:cNvSpPr>
          <p:nvPr>
            <p:ph type="pic" sz="quarter" idx="151" hasCustomPrompt="1"/>
          </p:nvPr>
        </p:nvSpPr>
        <p:spPr>
          <a:xfrm>
            <a:off x="7013503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152" hasCustomPrompt="1"/>
          </p:nvPr>
        </p:nvSpPr>
        <p:spPr>
          <a:xfrm>
            <a:off x="7458247" y="3980548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3305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425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75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75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75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75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75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5750"/>
                            </p:stCondLst>
                            <p:childTnLst>
                              <p:par>
                                <p:cTn id="78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75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75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75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75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7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6" grpId="0" animBg="1"/>
      <p:bldP spid="9" grpId="0"/>
      <p:bldP spid="10" grpId="0"/>
      <p:bldP spid="12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22" grpId="0"/>
      <p:bldP spid="23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28" grpId="0" animBg="1"/>
      <p:bldP spid="29" grpId="0" animBg="1"/>
      <p:bldP spid="26" grpId="0"/>
      <p:bldP spid="27" grpId="0"/>
      <p:bldP spid="30" grpId="0"/>
      <p:bldP spid="35" grpId="0"/>
      <p:bldP spid="37" grpId="0"/>
      <p:bldP spid="38" grpId="0"/>
      <p:bldP spid="39" grpId="0"/>
      <p:bldP spid="40" grpId="0"/>
      <p:bldP spid="41" grpId="0"/>
      <p:bldP spid="42" grpId="0"/>
      <p:bldP spid="43" grpId="0"/>
      <p:bldP spid="44" grpId="0"/>
      <p:bldP spid="45" grpId="0"/>
      <p:bldP spid="46" grpId="0"/>
      <p:bldP spid="47" grpId="0"/>
    </p:bld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613648" y="4992624"/>
            <a:ext cx="288032" cy="196850"/>
          </a:xfrm>
          <a:prstGeom prst="rect">
            <a:avLst/>
          </a:prstGeom>
        </p:spPr>
        <p:txBody>
          <a:bodyPr lIns="73152" tIns="0" rIns="0" bIns="0"/>
          <a:lstStyle>
            <a:lvl1pPr>
              <a:defRPr sz="9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fld id="{0AA277DB-22BF-421D-A9E4-4650984A941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2538576" y="-9347"/>
            <a:ext cx="3977640" cy="272047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6" hasCustomPrompt="1"/>
          </p:nvPr>
        </p:nvSpPr>
        <p:spPr>
          <a:xfrm>
            <a:off x="0" y="2706624"/>
            <a:ext cx="2538576" cy="244144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6516216" y="1278053"/>
            <a:ext cx="2627784" cy="143307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 i="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2538575" y="3907208"/>
            <a:ext cx="2393463" cy="124358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0" y="0"/>
            <a:ext cx="2538575" cy="2711127"/>
          </a:xfrm>
          <a:prstGeom prst="rect">
            <a:avLst/>
          </a:prstGeom>
          <a:solidFill>
            <a:srgbClr val="73BCB1"/>
          </a:solidFill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37"/>
          </p:nvPr>
        </p:nvSpPr>
        <p:spPr>
          <a:xfrm>
            <a:off x="6516216" y="-9347"/>
            <a:ext cx="2627784" cy="1282762"/>
          </a:xfrm>
          <a:prstGeom prst="rect">
            <a:avLst/>
          </a:prstGeom>
          <a:noFill/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8"/>
          </p:nvPr>
        </p:nvSpPr>
        <p:spPr>
          <a:xfrm>
            <a:off x="2538576" y="2706624"/>
            <a:ext cx="2393462" cy="1197864"/>
          </a:xfrm>
          <a:prstGeom prst="rect">
            <a:avLst/>
          </a:prstGeom>
          <a:noFill/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39"/>
          </p:nvPr>
        </p:nvSpPr>
        <p:spPr>
          <a:xfrm>
            <a:off x="4932038" y="2710990"/>
            <a:ext cx="4211962" cy="2432509"/>
          </a:xfrm>
          <a:prstGeom prst="rect">
            <a:avLst/>
          </a:prstGeom>
          <a:solidFill>
            <a:srgbClr val="73BCB1"/>
          </a:solidFill>
        </p:spPr>
        <p:txBody>
          <a:bodyPr lIns="457200" rIns="45720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952900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1" fill="hold" grpId="0" nodeType="withEffect" nodePh="1">
                                  <p:stCondLst>
                                    <p:cond delay="5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4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550"/>
                            </p:stCondLst>
                            <p:childTnLst>
                              <p:par>
                                <p:cTn id="16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300"/>
                            </p:stCondLst>
                            <p:childTnLst>
                              <p:par>
                                <p:cTn id="2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2" fill="hold" grpId="0" nodeType="withEffect">
                                  <p:stCondLst>
                                    <p:cond delay="4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9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250"/>
                            </p:stCondLst>
                            <p:childTnLst>
                              <p:par>
                                <p:cTn id="31" presetID="22" presetClass="entr" presetSubtype="8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3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2" grpId="0" animBg="1"/>
      <p:bldP spid="10" grpId="0" animBg="1"/>
      <p:bldP spid="21" grpId="0" animBg="1"/>
      <p:bldP spid="17" grpId="0" uiExpand="1" animBg="1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22" presetClass="entr" presetSubtype="1" fill="hold" nodeType="withEffect" nodePh="1">
                  <p:stCondLst>
                    <p:cond delay="5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uiExpand="1" animBg="1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8" y="915566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KNOW MORE ABOUT US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483518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BOUT BUSINESS 02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 userDrawn="1"/>
        </p:nvSpPr>
        <p:spPr>
          <a:xfrm>
            <a:off x="904786" y="2333411"/>
            <a:ext cx="2226384" cy="822960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3461070" y="2332947"/>
            <a:ext cx="2226384" cy="822960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1619672" y="1419623"/>
            <a:ext cx="740110" cy="6660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4175956" y="1419623"/>
            <a:ext cx="740110" cy="6660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27" hasCustomPrompt="1"/>
          </p:nvPr>
        </p:nvSpPr>
        <p:spPr>
          <a:xfrm>
            <a:off x="904786" y="2096181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HAT WE ARE?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3461071" y="2096182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HAT WE DO?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32"/>
          </p:nvPr>
        </p:nvSpPr>
        <p:spPr>
          <a:xfrm>
            <a:off x="971599" y="2340023"/>
            <a:ext cx="2120685" cy="82296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33"/>
          </p:nvPr>
        </p:nvSpPr>
        <p:spPr>
          <a:xfrm>
            <a:off x="3531435" y="2340023"/>
            <a:ext cx="2120685" cy="82296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Rectangle 20"/>
          <p:cNvSpPr/>
          <p:nvPr userDrawn="1"/>
        </p:nvSpPr>
        <p:spPr>
          <a:xfrm>
            <a:off x="6024456" y="2332946"/>
            <a:ext cx="2226384" cy="822960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6739342" y="1419622"/>
            <a:ext cx="740110" cy="6660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6024457" y="2096181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HOW WE ARE DIFFERENT?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36"/>
          </p:nvPr>
        </p:nvSpPr>
        <p:spPr>
          <a:xfrm>
            <a:off x="6094821" y="2340023"/>
            <a:ext cx="2120685" cy="82296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Rectangle 24"/>
          <p:cNvSpPr/>
          <p:nvPr userDrawn="1"/>
        </p:nvSpPr>
        <p:spPr>
          <a:xfrm>
            <a:off x="1066077" y="3128685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Rectangle 27"/>
          <p:cNvSpPr/>
          <p:nvPr userDrawn="1"/>
        </p:nvSpPr>
        <p:spPr>
          <a:xfrm>
            <a:off x="3625913" y="3128685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ctangle 28"/>
          <p:cNvSpPr/>
          <p:nvPr userDrawn="1"/>
        </p:nvSpPr>
        <p:spPr>
          <a:xfrm>
            <a:off x="6189300" y="3128685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37" hasCustomPrompt="1"/>
          </p:nvPr>
        </p:nvSpPr>
        <p:spPr>
          <a:xfrm>
            <a:off x="965055" y="3418353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ASK TO COMPLETED </a:t>
            </a:r>
            <a:endParaRPr lang="en-US" dirty="0"/>
          </a:p>
        </p:txBody>
      </p:sp>
      <p:sp>
        <p:nvSpPr>
          <p:cNvPr id="32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1449375" y="383865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7" name="Rectangle 36"/>
          <p:cNvSpPr/>
          <p:nvPr userDrawn="1"/>
        </p:nvSpPr>
        <p:spPr>
          <a:xfrm>
            <a:off x="1063637" y="3797508"/>
            <a:ext cx="1296145" cy="788194"/>
          </a:xfrm>
          <a:prstGeom prst="rect">
            <a:avLst/>
          </a:prstGeom>
          <a:noFill/>
          <a:ln w="9525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142" hasCustomPrompt="1"/>
          </p:nvPr>
        </p:nvSpPr>
        <p:spPr>
          <a:xfrm>
            <a:off x="1064135" y="4373018"/>
            <a:ext cx="1298448" cy="212121"/>
          </a:xfrm>
          <a:prstGeom prst="rect">
            <a:avLst/>
          </a:prstGeom>
          <a:solidFill>
            <a:srgbClr val="968B7F"/>
          </a:solidFill>
        </p:spPr>
        <p:txBody>
          <a:bodyPr anchor="ctr"/>
          <a:lstStyle>
            <a:lvl1pPr marL="0" indent="0" algn="ctr">
              <a:buNone/>
              <a:defRPr sz="11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EW PRODUCTS</a:t>
            </a:r>
            <a:endParaRPr lang="en-US" dirty="0"/>
          </a:p>
        </p:txBody>
      </p:sp>
      <p:cxnSp>
        <p:nvCxnSpPr>
          <p:cNvPr id="41" name="Straight Connector 40"/>
          <p:cNvCxnSpPr/>
          <p:nvPr userDrawn="1"/>
        </p:nvCxnSpPr>
        <p:spPr>
          <a:xfrm>
            <a:off x="1080156" y="3630168"/>
            <a:ext cx="7043463" cy="0"/>
          </a:xfrm>
          <a:prstGeom prst="line">
            <a:avLst/>
          </a:prstGeom>
          <a:ln w="9525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Picture Placeholder 6"/>
          <p:cNvSpPr>
            <a:spLocks noGrp="1"/>
          </p:cNvSpPr>
          <p:nvPr>
            <p:ph type="pic" sz="quarter" idx="143" hasCustomPrompt="1"/>
          </p:nvPr>
        </p:nvSpPr>
        <p:spPr>
          <a:xfrm>
            <a:off x="3370495" y="3840402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5" name="Rectangle 44"/>
          <p:cNvSpPr/>
          <p:nvPr userDrawn="1"/>
        </p:nvSpPr>
        <p:spPr>
          <a:xfrm>
            <a:off x="2984757" y="3799254"/>
            <a:ext cx="1296145" cy="788194"/>
          </a:xfrm>
          <a:prstGeom prst="rect">
            <a:avLst/>
          </a:prstGeom>
          <a:noFill/>
          <a:ln w="9525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144" hasCustomPrompt="1"/>
          </p:nvPr>
        </p:nvSpPr>
        <p:spPr>
          <a:xfrm>
            <a:off x="2984757" y="4375325"/>
            <a:ext cx="1298448" cy="212121"/>
          </a:xfrm>
          <a:prstGeom prst="rect">
            <a:avLst/>
          </a:prstGeom>
          <a:solidFill>
            <a:srgbClr val="968B7F"/>
          </a:solidFill>
        </p:spPr>
        <p:txBody>
          <a:bodyPr anchor="ctr"/>
          <a:lstStyle>
            <a:lvl1pPr marL="0" indent="0" algn="ctr">
              <a:buNone/>
              <a:defRPr sz="11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EW CUSTOMERS</a:t>
            </a:r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145" hasCustomPrompt="1"/>
          </p:nvPr>
        </p:nvSpPr>
        <p:spPr>
          <a:xfrm>
            <a:off x="5301804" y="3838095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8" name="Rectangle 47"/>
          <p:cNvSpPr/>
          <p:nvPr userDrawn="1"/>
        </p:nvSpPr>
        <p:spPr>
          <a:xfrm>
            <a:off x="4916066" y="3796947"/>
            <a:ext cx="1296145" cy="788194"/>
          </a:xfrm>
          <a:prstGeom prst="rect">
            <a:avLst/>
          </a:prstGeom>
          <a:noFill/>
          <a:ln w="9525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9" name="Text Placeholder 27"/>
          <p:cNvSpPr>
            <a:spLocks noGrp="1"/>
          </p:cNvSpPr>
          <p:nvPr>
            <p:ph type="body" sz="quarter" idx="146" hasCustomPrompt="1"/>
          </p:nvPr>
        </p:nvSpPr>
        <p:spPr>
          <a:xfrm>
            <a:off x="4916066" y="4373018"/>
            <a:ext cx="1298448" cy="212121"/>
          </a:xfrm>
          <a:prstGeom prst="rect">
            <a:avLst/>
          </a:prstGeom>
          <a:solidFill>
            <a:srgbClr val="968B7F"/>
          </a:solidFill>
        </p:spPr>
        <p:txBody>
          <a:bodyPr anchor="ctr"/>
          <a:lstStyle>
            <a:lvl1pPr marL="0" indent="0" algn="ctr">
              <a:buNone/>
              <a:defRPr sz="11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EED &amp; SOLUTION</a:t>
            </a:r>
            <a:endParaRPr lang="en-US" dirty="0"/>
          </a:p>
        </p:txBody>
      </p:sp>
      <p:sp>
        <p:nvSpPr>
          <p:cNvPr id="50" name="Picture Placeholder 6"/>
          <p:cNvSpPr>
            <a:spLocks noGrp="1"/>
          </p:cNvSpPr>
          <p:nvPr>
            <p:ph type="pic" sz="quarter" idx="147" hasCustomPrompt="1"/>
          </p:nvPr>
        </p:nvSpPr>
        <p:spPr>
          <a:xfrm>
            <a:off x="7217117" y="3838095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1" name="Rectangle 50"/>
          <p:cNvSpPr/>
          <p:nvPr userDrawn="1"/>
        </p:nvSpPr>
        <p:spPr>
          <a:xfrm>
            <a:off x="6831379" y="3796947"/>
            <a:ext cx="1296145" cy="788194"/>
          </a:xfrm>
          <a:prstGeom prst="rect">
            <a:avLst/>
          </a:prstGeom>
          <a:noFill/>
          <a:ln w="9525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Text Placeholder 27"/>
          <p:cNvSpPr>
            <a:spLocks noGrp="1"/>
          </p:cNvSpPr>
          <p:nvPr>
            <p:ph type="body" sz="quarter" idx="148" hasCustomPrompt="1"/>
          </p:nvPr>
        </p:nvSpPr>
        <p:spPr>
          <a:xfrm>
            <a:off x="6830568" y="4373018"/>
            <a:ext cx="1298448" cy="212121"/>
          </a:xfrm>
          <a:prstGeom prst="rect">
            <a:avLst/>
          </a:prstGeom>
          <a:solidFill>
            <a:srgbClr val="968B7F"/>
          </a:solidFill>
        </p:spPr>
        <p:txBody>
          <a:bodyPr anchor="ctr"/>
          <a:lstStyle>
            <a:lvl1pPr marL="0" indent="0" algn="ctr">
              <a:buNone/>
              <a:defRPr sz="11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VERAGE SALES</a:t>
            </a:r>
            <a:endParaRPr lang="en-US" dirty="0"/>
          </a:p>
        </p:txBody>
      </p:sp>
      <p:sp>
        <p:nvSpPr>
          <p:cNvPr id="57" name="Right Arrow 56"/>
          <p:cNvSpPr/>
          <p:nvPr userDrawn="1"/>
        </p:nvSpPr>
        <p:spPr>
          <a:xfrm>
            <a:off x="2565658" y="4067067"/>
            <a:ext cx="216024" cy="247953"/>
          </a:xfrm>
          <a:prstGeom prst="rightArrow">
            <a:avLst>
              <a:gd name="adj1" fmla="val 50000"/>
              <a:gd name="adj2" fmla="val 72771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8" name="Right Arrow 57"/>
          <p:cNvSpPr/>
          <p:nvPr userDrawn="1"/>
        </p:nvSpPr>
        <p:spPr>
          <a:xfrm>
            <a:off x="4488813" y="4069080"/>
            <a:ext cx="216024" cy="247953"/>
          </a:xfrm>
          <a:prstGeom prst="rightArrow">
            <a:avLst>
              <a:gd name="adj1" fmla="val 50000"/>
              <a:gd name="adj2" fmla="val 72771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0" name="Right Arrow 59"/>
          <p:cNvSpPr/>
          <p:nvPr userDrawn="1"/>
        </p:nvSpPr>
        <p:spPr>
          <a:xfrm>
            <a:off x="6413377" y="4069080"/>
            <a:ext cx="216024" cy="247953"/>
          </a:xfrm>
          <a:prstGeom prst="rightArrow">
            <a:avLst>
              <a:gd name="adj1" fmla="val 50000"/>
              <a:gd name="adj2" fmla="val 72771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56619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42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575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7250"/>
                            </p:stCondLst>
                            <p:childTnLst>
                              <p:par>
                                <p:cTn id="64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75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9000"/>
                            </p:stCondLst>
                            <p:childTnLst>
                              <p:par>
                                <p:cTn id="68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0" dur="75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10000"/>
                            </p:stCondLst>
                            <p:childTnLst>
                              <p:par>
                                <p:cTn id="7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750"/>
                                        <p:tgtEl>
                                          <p:spTgt spid="39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75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1250"/>
                            </p:stCondLst>
                            <p:childTnLst>
                              <p:par>
                                <p:cTn id="8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75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12250"/>
                            </p:stCondLst>
                            <p:childTnLst>
                              <p:par>
                                <p:cTn id="8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75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75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750"/>
                                        <p:tgtEl>
                                          <p:spTgt spid="46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750"/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1" fill="hold">
                            <p:stCondLst>
                              <p:cond delay="13250"/>
                            </p:stCondLst>
                            <p:childTnLst>
                              <p:par>
                                <p:cTn id="10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75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14250"/>
                            </p:stCondLst>
                            <p:childTnLst>
                              <p:par>
                                <p:cTn id="10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7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75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750"/>
                                        <p:tgtEl>
                                          <p:spTgt spid="49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7" dur="75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8" fill="hold">
                            <p:stCondLst>
                              <p:cond delay="15250"/>
                            </p:stCondLst>
                            <p:childTnLst>
                              <p:par>
                                <p:cTn id="11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1" dur="75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2" fill="hold">
                            <p:stCondLst>
                              <p:cond delay="16250"/>
                            </p:stCondLst>
                            <p:childTnLst>
                              <p:par>
                                <p:cTn id="12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5" dur="75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8" dur="75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1" dur="750"/>
                                        <p:tgtEl>
                                          <p:spTgt spid="52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750"/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6" grpId="0" animBg="1"/>
      <p:bldP spid="9" grpId="0"/>
      <p:bldP spid="10" grpId="0"/>
      <p:bldP spid="12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22" grpId="0"/>
      <p:bldP spid="23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28" grpId="0" animBg="1"/>
      <p:bldP spid="29" grpId="0" animBg="1"/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/>
      <p:bldP spid="37" grpId="0" animBg="1"/>
      <p:bldP spid="39" grpId="0" build="p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/>
      <p:bldP spid="45" grpId="0" animBg="1"/>
      <p:bldP spid="46" grpId="0" build="p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/>
      <p:bldP spid="48" grpId="0" animBg="1"/>
      <p:bldP spid="49" grpId="0" build="p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/>
      <p:bldP spid="51" grpId="0" animBg="1"/>
      <p:bldP spid="52" grpId="0" build="p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 animBg="1"/>
      <p:bldP spid="58" grpId="0" animBg="1"/>
      <p:bldP spid="60" grpId="0" animBg="1"/>
    </p:bldLst>
  </p:timing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51608" y="699542"/>
            <a:ext cx="1772138" cy="3650245"/>
          </a:xfrm>
          <a:prstGeom prst="rect">
            <a:avLst/>
          </a:prstGeom>
          <a:ln>
            <a:noFill/>
          </a:ln>
          <a:effectLst>
            <a:outerShdw blurRad="317500" dist="88900" dir="3600000" sx="90000" sy="90000" algn="tl" rotWithShape="0">
              <a:srgbClr val="333333">
                <a:alpha val="20000"/>
              </a:srgbClr>
            </a:outerShdw>
          </a:effectLst>
        </p:spPr>
      </p:pic>
      <p:sp>
        <p:nvSpPr>
          <p:cNvPr id="17" name="Oval 16"/>
          <p:cNvSpPr/>
          <p:nvPr userDrawn="1"/>
        </p:nvSpPr>
        <p:spPr>
          <a:xfrm>
            <a:off x="845157" y="916718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1</a:t>
            </a:r>
            <a:endParaRPr lang="en-US" sz="1400" dirty="0">
              <a:latin typeface="+mj-lt"/>
            </a:endParaRP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74"/>
          </p:nvPr>
        </p:nvSpPr>
        <p:spPr>
          <a:xfrm>
            <a:off x="1318347" y="1600200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75"/>
          </p:nvPr>
        </p:nvSpPr>
        <p:spPr>
          <a:xfrm>
            <a:off x="1320973" y="2314636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76"/>
          </p:nvPr>
        </p:nvSpPr>
        <p:spPr>
          <a:xfrm>
            <a:off x="1311859" y="3029413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77"/>
          </p:nvPr>
        </p:nvSpPr>
        <p:spPr>
          <a:xfrm>
            <a:off x="1314485" y="3743849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2" name="Text Placeholder 30"/>
          <p:cNvSpPr>
            <a:spLocks noGrp="1"/>
          </p:cNvSpPr>
          <p:nvPr>
            <p:ph type="body" sz="quarter" idx="78"/>
          </p:nvPr>
        </p:nvSpPr>
        <p:spPr>
          <a:xfrm>
            <a:off x="1311859" y="886467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" name="Oval 22"/>
          <p:cNvSpPr/>
          <p:nvPr userDrawn="1"/>
        </p:nvSpPr>
        <p:spPr>
          <a:xfrm>
            <a:off x="845157" y="1609344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2</a:t>
            </a:r>
            <a:endParaRPr lang="en-US" sz="1400" dirty="0">
              <a:latin typeface="+mj-lt"/>
            </a:endParaRPr>
          </a:p>
        </p:txBody>
      </p:sp>
      <p:sp>
        <p:nvSpPr>
          <p:cNvPr id="31" name="Oval 30"/>
          <p:cNvSpPr/>
          <p:nvPr userDrawn="1"/>
        </p:nvSpPr>
        <p:spPr>
          <a:xfrm>
            <a:off x="845157" y="2338505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3</a:t>
            </a:r>
            <a:endParaRPr lang="en-US" sz="1400" dirty="0">
              <a:latin typeface="+mj-lt"/>
            </a:endParaRPr>
          </a:p>
        </p:txBody>
      </p:sp>
      <p:sp>
        <p:nvSpPr>
          <p:cNvPr id="32" name="Oval 31"/>
          <p:cNvSpPr/>
          <p:nvPr userDrawn="1"/>
        </p:nvSpPr>
        <p:spPr>
          <a:xfrm>
            <a:off x="845157" y="3022254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4</a:t>
            </a:r>
            <a:endParaRPr lang="en-US" sz="1400" dirty="0">
              <a:latin typeface="+mj-lt"/>
            </a:endParaRPr>
          </a:p>
        </p:txBody>
      </p:sp>
      <p:sp>
        <p:nvSpPr>
          <p:cNvPr id="33" name="Oval 32"/>
          <p:cNvSpPr/>
          <p:nvPr userDrawn="1"/>
        </p:nvSpPr>
        <p:spPr>
          <a:xfrm>
            <a:off x="845157" y="3743848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5</a:t>
            </a:r>
            <a:endParaRPr lang="en-US" sz="1400" dirty="0">
              <a:latin typeface="+mj-lt"/>
            </a:endParaRPr>
          </a:p>
        </p:txBody>
      </p:sp>
      <p:sp>
        <p:nvSpPr>
          <p:cNvPr id="34" name="Oval 33"/>
          <p:cNvSpPr/>
          <p:nvPr userDrawn="1"/>
        </p:nvSpPr>
        <p:spPr>
          <a:xfrm>
            <a:off x="7901941" y="916718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6</a:t>
            </a:r>
            <a:endParaRPr lang="en-US" sz="1400" dirty="0">
              <a:latin typeface="+mj-lt"/>
            </a:endParaRPr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79"/>
          </p:nvPr>
        </p:nvSpPr>
        <p:spPr>
          <a:xfrm>
            <a:off x="5770904" y="1600200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80"/>
          </p:nvPr>
        </p:nvSpPr>
        <p:spPr>
          <a:xfrm>
            <a:off x="5773530" y="2314636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81"/>
          </p:nvPr>
        </p:nvSpPr>
        <p:spPr>
          <a:xfrm>
            <a:off x="5764416" y="3029413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82"/>
          </p:nvPr>
        </p:nvSpPr>
        <p:spPr>
          <a:xfrm>
            <a:off x="5767042" y="3743849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83"/>
          </p:nvPr>
        </p:nvSpPr>
        <p:spPr>
          <a:xfrm>
            <a:off x="5764416" y="886467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0" name="Oval 39"/>
          <p:cNvSpPr/>
          <p:nvPr userDrawn="1"/>
        </p:nvSpPr>
        <p:spPr>
          <a:xfrm>
            <a:off x="7901941" y="1609344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7</a:t>
            </a:r>
            <a:endParaRPr lang="en-US" sz="1400" dirty="0">
              <a:latin typeface="+mj-lt"/>
            </a:endParaRPr>
          </a:p>
        </p:txBody>
      </p:sp>
      <p:sp>
        <p:nvSpPr>
          <p:cNvPr id="41" name="Oval 40"/>
          <p:cNvSpPr/>
          <p:nvPr userDrawn="1"/>
        </p:nvSpPr>
        <p:spPr>
          <a:xfrm>
            <a:off x="7901941" y="2338505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8</a:t>
            </a:r>
            <a:endParaRPr lang="en-US" sz="1400" dirty="0">
              <a:latin typeface="+mj-lt"/>
            </a:endParaRPr>
          </a:p>
        </p:txBody>
      </p:sp>
      <p:sp>
        <p:nvSpPr>
          <p:cNvPr id="42" name="Oval 41"/>
          <p:cNvSpPr/>
          <p:nvPr userDrawn="1"/>
        </p:nvSpPr>
        <p:spPr>
          <a:xfrm>
            <a:off x="7901941" y="3022254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9</a:t>
            </a:r>
            <a:endParaRPr lang="en-US" sz="1400" dirty="0">
              <a:latin typeface="+mj-lt"/>
            </a:endParaRPr>
          </a:p>
        </p:txBody>
      </p:sp>
      <p:sp>
        <p:nvSpPr>
          <p:cNvPr id="43" name="Oval 42"/>
          <p:cNvSpPr/>
          <p:nvPr userDrawn="1"/>
        </p:nvSpPr>
        <p:spPr>
          <a:xfrm>
            <a:off x="7901941" y="3743848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10</a:t>
            </a:r>
            <a:endParaRPr lang="en-US" sz="1400" dirty="0">
              <a:latin typeface="+mj-lt"/>
            </a:endParaRPr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3831767" y="1252728"/>
            <a:ext cx="1446952" cy="2569464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1403648" y="1419622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/>
          <p:cNvCxnSpPr/>
          <p:nvPr userDrawn="1"/>
        </p:nvCxnSpPr>
        <p:spPr>
          <a:xfrm>
            <a:off x="1403648" y="2121408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/>
          <p:cNvCxnSpPr/>
          <p:nvPr userDrawn="1"/>
        </p:nvCxnSpPr>
        <p:spPr>
          <a:xfrm>
            <a:off x="1403648" y="2852928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/>
          <p:cNvCxnSpPr/>
          <p:nvPr userDrawn="1"/>
        </p:nvCxnSpPr>
        <p:spPr>
          <a:xfrm>
            <a:off x="1403648" y="3557016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/>
          <p:cNvCxnSpPr/>
          <p:nvPr userDrawn="1"/>
        </p:nvCxnSpPr>
        <p:spPr>
          <a:xfrm>
            <a:off x="1403648" y="4279392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/>
          <p:cNvCxnSpPr/>
          <p:nvPr userDrawn="1"/>
        </p:nvCxnSpPr>
        <p:spPr>
          <a:xfrm>
            <a:off x="5868144" y="1419622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Connector 51"/>
          <p:cNvCxnSpPr/>
          <p:nvPr userDrawn="1"/>
        </p:nvCxnSpPr>
        <p:spPr>
          <a:xfrm>
            <a:off x="5868144" y="2121408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Straight Connector 52"/>
          <p:cNvCxnSpPr/>
          <p:nvPr userDrawn="1"/>
        </p:nvCxnSpPr>
        <p:spPr>
          <a:xfrm>
            <a:off x="5868144" y="2852928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 userDrawn="1"/>
        </p:nvCxnSpPr>
        <p:spPr>
          <a:xfrm>
            <a:off x="5868144" y="3557016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/>
          <p:cNvCxnSpPr/>
          <p:nvPr userDrawn="1"/>
        </p:nvCxnSpPr>
        <p:spPr>
          <a:xfrm>
            <a:off x="5868144" y="4279392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340510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75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275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7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4750"/>
                            </p:stCondLst>
                            <p:childTnLst>
                              <p:par>
                                <p:cTn id="4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75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67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7750"/>
                            </p:stCondLst>
                            <p:childTnLst>
                              <p:par>
                                <p:cTn id="7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8750"/>
                            </p:stCondLst>
                            <p:childTnLst>
                              <p:par>
                                <p:cTn id="8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9750"/>
                            </p:stCondLst>
                            <p:childTnLst>
                              <p:par>
                                <p:cTn id="9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10750"/>
                            </p:stCondLst>
                            <p:childTnLst>
                              <p:par>
                                <p:cTn id="10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18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/>
      <p:bldP spid="31" grpId="0" animBg="1"/>
      <p:bldP spid="32" grpId="0" animBg="1"/>
      <p:bldP spid="33" grpId="0" animBg="1"/>
      <p:bldP spid="34" grpId="0" animBg="1"/>
      <p:bldP spid="35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animBg="1"/>
      <p:bldP spid="41" grpId="0" animBg="1"/>
      <p:bldP spid="42" grpId="0" animBg="1"/>
      <p:bldP spid="43" grpId="0" animBg="1"/>
      <p:bldP spid="44" grpId="0" animBg="1"/>
    </p:bldLst>
  </p:timing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4511312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451365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ORKFLOW</a:t>
            </a:r>
            <a:endParaRPr lang="en-US" dirty="0"/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824440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val 7"/>
          <p:cNvSpPr/>
          <p:nvPr userDrawn="1"/>
        </p:nvSpPr>
        <p:spPr>
          <a:xfrm>
            <a:off x="3619737" y="2133414"/>
            <a:ext cx="1944216" cy="1944216"/>
          </a:xfrm>
          <a:prstGeom prst="ellipse">
            <a:avLst/>
          </a:prstGeom>
          <a:noFill/>
          <a:ln w="15875">
            <a:solidFill>
              <a:srgbClr val="968B7F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69" hasCustomPrompt="1"/>
          </p:nvPr>
        </p:nvSpPr>
        <p:spPr>
          <a:xfrm>
            <a:off x="5724115" y="2738953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70" hasCustomPrompt="1"/>
          </p:nvPr>
        </p:nvSpPr>
        <p:spPr>
          <a:xfrm>
            <a:off x="2810976" y="2748129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71" hasCustomPrompt="1"/>
          </p:nvPr>
        </p:nvSpPr>
        <p:spPr>
          <a:xfrm>
            <a:off x="5324761" y="1635646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172" hasCustomPrompt="1"/>
          </p:nvPr>
        </p:nvSpPr>
        <p:spPr>
          <a:xfrm>
            <a:off x="3312759" y="3902853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73" hasCustomPrompt="1"/>
          </p:nvPr>
        </p:nvSpPr>
        <p:spPr>
          <a:xfrm>
            <a:off x="5236494" y="3902853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74" hasCustomPrompt="1"/>
          </p:nvPr>
        </p:nvSpPr>
        <p:spPr>
          <a:xfrm>
            <a:off x="3169300" y="1643535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9" name="Isosceles Triangle 28"/>
          <p:cNvSpPr/>
          <p:nvPr userDrawn="1"/>
        </p:nvSpPr>
        <p:spPr>
          <a:xfrm rot="13347853">
            <a:off x="5207353" y="3711205"/>
            <a:ext cx="164592" cy="128016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 </a:t>
            </a:r>
            <a:endParaRPr lang="en-US" dirty="0"/>
          </a:p>
        </p:txBody>
      </p:sp>
      <p:sp>
        <p:nvSpPr>
          <p:cNvPr id="30" name="Isosceles Triangle 29"/>
          <p:cNvSpPr/>
          <p:nvPr userDrawn="1"/>
        </p:nvSpPr>
        <p:spPr>
          <a:xfrm rot="2209078">
            <a:off x="3735104" y="2460091"/>
            <a:ext cx="164592" cy="128016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 </a:t>
            </a:r>
            <a:endParaRPr lang="en-US" dirty="0"/>
          </a:p>
        </p:txBody>
      </p:sp>
      <p:sp>
        <p:nvSpPr>
          <p:cNvPr id="31" name="Isosceles Triangle 30"/>
          <p:cNvSpPr/>
          <p:nvPr userDrawn="1"/>
        </p:nvSpPr>
        <p:spPr>
          <a:xfrm rot="19322095">
            <a:off x="3773680" y="3677600"/>
            <a:ext cx="164592" cy="128016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 </a:t>
            </a:r>
            <a:endParaRPr lang="en-US" dirty="0"/>
          </a:p>
        </p:txBody>
      </p:sp>
      <p:sp>
        <p:nvSpPr>
          <p:cNvPr id="32" name="Isosceles Triangle 31"/>
          <p:cNvSpPr/>
          <p:nvPr userDrawn="1"/>
        </p:nvSpPr>
        <p:spPr>
          <a:xfrm rot="8397749">
            <a:off x="5271361" y="2449349"/>
            <a:ext cx="164592" cy="128016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 </a:t>
            </a:r>
            <a:endParaRPr lang="en-US" dirty="0"/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143"/>
          </p:nvPr>
        </p:nvSpPr>
        <p:spPr>
          <a:xfrm>
            <a:off x="6084168" y="1643098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4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6084169" y="1834743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7" name="Text Placeholder 27"/>
          <p:cNvSpPr>
            <a:spLocks noGrp="1"/>
          </p:cNvSpPr>
          <p:nvPr>
            <p:ph type="body" sz="quarter" idx="175"/>
          </p:nvPr>
        </p:nvSpPr>
        <p:spPr>
          <a:xfrm>
            <a:off x="6483896" y="2761546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176"/>
          </p:nvPr>
        </p:nvSpPr>
        <p:spPr>
          <a:xfrm>
            <a:off x="6483897" y="2953191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9" name="Text Placeholder 27"/>
          <p:cNvSpPr>
            <a:spLocks noGrp="1"/>
          </p:cNvSpPr>
          <p:nvPr>
            <p:ph type="body" sz="quarter" idx="177"/>
          </p:nvPr>
        </p:nvSpPr>
        <p:spPr>
          <a:xfrm>
            <a:off x="6003524" y="3928700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78"/>
          </p:nvPr>
        </p:nvSpPr>
        <p:spPr>
          <a:xfrm>
            <a:off x="6003525" y="4155926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179"/>
          </p:nvPr>
        </p:nvSpPr>
        <p:spPr>
          <a:xfrm>
            <a:off x="827584" y="2739090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Text Placeholder 30"/>
          <p:cNvSpPr>
            <a:spLocks noGrp="1"/>
          </p:cNvSpPr>
          <p:nvPr>
            <p:ph type="body" sz="quarter" idx="180"/>
          </p:nvPr>
        </p:nvSpPr>
        <p:spPr>
          <a:xfrm>
            <a:off x="827585" y="2930735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81"/>
          </p:nvPr>
        </p:nvSpPr>
        <p:spPr>
          <a:xfrm>
            <a:off x="1331640" y="3906338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4" name="Text Placeholder 30"/>
          <p:cNvSpPr>
            <a:spLocks noGrp="1"/>
          </p:cNvSpPr>
          <p:nvPr>
            <p:ph type="body" sz="quarter" idx="182"/>
          </p:nvPr>
        </p:nvSpPr>
        <p:spPr>
          <a:xfrm>
            <a:off x="1331641" y="4130802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5" name="Text Placeholder 27"/>
          <p:cNvSpPr>
            <a:spLocks noGrp="1"/>
          </p:cNvSpPr>
          <p:nvPr>
            <p:ph type="body" sz="quarter" idx="183"/>
          </p:nvPr>
        </p:nvSpPr>
        <p:spPr>
          <a:xfrm>
            <a:off x="1187624" y="1643098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6" name="Text Placeholder 30"/>
          <p:cNvSpPr>
            <a:spLocks noGrp="1"/>
          </p:cNvSpPr>
          <p:nvPr>
            <p:ph type="body" sz="quarter" idx="184"/>
          </p:nvPr>
        </p:nvSpPr>
        <p:spPr>
          <a:xfrm>
            <a:off x="1187625" y="1834743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8074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8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5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3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75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7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000"/>
                            </p:stCondLst>
                            <p:childTnLst>
                              <p:par>
                                <p:cTn id="4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75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75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825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5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75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75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950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6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75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75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10750"/>
                            </p:stCondLst>
                            <p:childTnLst>
                              <p:par>
                                <p:cTn id="7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7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75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75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12000"/>
                            </p:stCondLst>
                            <p:childTnLst>
                              <p:par>
                                <p:cTn id="8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8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750"/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75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10" grpId="0"/>
      <p:bldP spid="11" grpId="0"/>
      <p:bldP spid="12" grpId="0"/>
      <p:bldP spid="13" grpId="0"/>
      <p:bldP spid="14" grpId="0"/>
      <p:bldP spid="27" grpId="0"/>
      <p:bldP spid="29" grpId="0" animBg="1"/>
      <p:bldP spid="30" grpId="0" animBg="1"/>
      <p:bldP spid="31" grpId="0" animBg="1"/>
      <p:bldP spid="32" grpId="0" animBg="1"/>
      <p:bldP spid="33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770850" y="2010109"/>
            <a:ext cx="6465446" cy="1074189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0" y="3548990"/>
            <a:ext cx="9144000" cy="161504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11560" y="722376"/>
            <a:ext cx="0" cy="987552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737992" y="1101462"/>
            <a:ext cx="3888776" cy="246152"/>
          </a:xfrm>
          <a:prstGeom prst="rect">
            <a:avLst/>
          </a:prstGeom>
        </p:spPr>
        <p:txBody>
          <a:bodyPr rIns="128016" anchor="ctr"/>
          <a:lstStyle>
            <a:lvl1pPr marL="0" indent="0" algn="l">
              <a:buNone/>
              <a:defRPr sz="2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oesn't have to be visible.       </a:t>
            </a:r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619200" y="669107"/>
            <a:ext cx="7380392" cy="478800"/>
          </a:xfrm>
          <a:prstGeom prst="rect">
            <a:avLst/>
          </a:prstGeom>
        </p:spPr>
        <p:txBody>
          <a:bodyPr lIns="18288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4000" b="1" spc="-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TELLIGENT TECHNOLOGY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85" hasCustomPrompt="1"/>
          </p:nvPr>
        </p:nvSpPr>
        <p:spPr>
          <a:xfrm>
            <a:off x="646322" y="1417320"/>
            <a:ext cx="4789774" cy="340020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lnSpc>
                <a:spcPts val="3500"/>
              </a:lnSpc>
              <a:spcBef>
                <a:spcPts val="0"/>
              </a:spcBef>
              <a:buNone/>
              <a:defRPr sz="3200" b="1" spc="0" baseline="0">
                <a:solidFill>
                  <a:srgbClr val="B6DCD7"/>
                </a:solidFill>
                <a:effectLst/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INNOVATIONS</a:t>
            </a:r>
          </a:p>
        </p:txBody>
      </p:sp>
    </p:spTree>
    <p:extLst>
      <p:ext uri="{BB962C8B-B14F-4D97-AF65-F5344CB8AC3E}">
        <p14:creationId xmlns:p14="http://schemas.microsoft.com/office/powerpoint/2010/main" val="28995235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50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2500"/>
                            </p:stCondLst>
                            <p:childTnLst>
                              <p:par>
                                <p:cTn id="1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35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4850"/>
                            </p:stCondLst>
                            <p:childTnLst>
                              <p:par>
                                <p:cTn id="25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/>
      <p:bldP spid="1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STAINABILITY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93776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ENVIRONMENTAL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121" y="1601423"/>
            <a:ext cx="4509519" cy="3014931"/>
          </a:xfrm>
          <a:prstGeom prst="rect">
            <a:avLst/>
          </a:prstGeom>
          <a:ln>
            <a:noFill/>
          </a:ln>
          <a:effectLst>
            <a:outerShdw blurRad="63500" dir="300000" algn="tl" rotWithShape="0">
              <a:srgbClr val="333333">
                <a:alpha val="45000"/>
              </a:srgbClr>
            </a:outerShdw>
          </a:effectLst>
        </p:spPr>
      </p:pic>
      <p:sp>
        <p:nvSpPr>
          <p:cNvPr id="8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594360" y="1898116"/>
            <a:ext cx="4535424" cy="271966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258008" y="384048"/>
            <a:ext cx="4383071" cy="1008112"/>
          </a:xfrm>
          <a:prstGeom prst="rect">
            <a:avLst/>
          </a:prstGeom>
        </p:spPr>
        <p:txBody>
          <a:bodyPr tIns="18288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Picture Placeholder 6"/>
          <p:cNvSpPr>
            <a:spLocks noGrp="1" noChangeAspect="1"/>
          </p:cNvSpPr>
          <p:nvPr>
            <p:ph type="pic" sz="quarter" idx="49" hasCustomPrompt="1"/>
          </p:nvPr>
        </p:nvSpPr>
        <p:spPr>
          <a:xfrm>
            <a:off x="5724128" y="1924721"/>
            <a:ext cx="545236" cy="467712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50" hasCustomPrompt="1"/>
          </p:nvPr>
        </p:nvSpPr>
        <p:spPr>
          <a:xfrm>
            <a:off x="6269364" y="1923678"/>
            <a:ext cx="2371715" cy="468755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1" name="Picture Placeholder 6"/>
          <p:cNvSpPr>
            <a:spLocks noGrp="1" noChangeAspect="1"/>
          </p:cNvSpPr>
          <p:nvPr>
            <p:ph type="pic" sz="quarter" idx="51" hasCustomPrompt="1"/>
          </p:nvPr>
        </p:nvSpPr>
        <p:spPr>
          <a:xfrm>
            <a:off x="5724128" y="2572793"/>
            <a:ext cx="545236" cy="467712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52" hasCustomPrompt="1"/>
          </p:nvPr>
        </p:nvSpPr>
        <p:spPr>
          <a:xfrm>
            <a:off x="6269364" y="2571750"/>
            <a:ext cx="2371715" cy="468755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3" name="Picture Placeholder 6"/>
          <p:cNvSpPr>
            <a:spLocks noGrp="1" noChangeAspect="1"/>
          </p:cNvSpPr>
          <p:nvPr>
            <p:ph type="pic" sz="quarter" idx="53" hasCustomPrompt="1"/>
          </p:nvPr>
        </p:nvSpPr>
        <p:spPr>
          <a:xfrm>
            <a:off x="5724128" y="3220865"/>
            <a:ext cx="545236" cy="467712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54" hasCustomPrompt="1"/>
          </p:nvPr>
        </p:nvSpPr>
        <p:spPr>
          <a:xfrm>
            <a:off x="6269364" y="3219822"/>
            <a:ext cx="2371715" cy="468755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9" name="Picture Placeholder 6"/>
          <p:cNvSpPr>
            <a:spLocks noGrp="1" noChangeAspect="1"/>
          </p:cNvSpPr>
          <p:nvPr>
            <p:ph type="pic" sz="quarter" idx="55" hasCustomPrompt="1"/>
          </p:nvPr>
        </p:nvSpPr>
        <p:spPr>
          <a:xfrm>
            <a:off x="5724128" y="3868937"/>
            <a:ext cx="545236" cy="467712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56" hasCustomPrompt="1"/>
          </p:nvPr>
        </p:nvSpPr>
        <p:spPr>
          <a:xfrm>
            <a:off x="6269364" y="3867894"/>
            <a:ext cx="2371715" cy="468755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</p:spTree>
    <p:extLst>
      <p:ext uri="{BB962C8B-B14F-4D97-AF65-F5344CB8AC3E}">
        <p14:creationId xmlns:p14="http://schemas.microsoft.com/office/powerpoint/2010/main" val="12551057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25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725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825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1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/>
      <p:bldP spid="10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/>
      <p:bldP spid="12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/>
      <p:bldP spid="1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/>
      <p:bldP spid="20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1403648" y="1419622"/>
            <a:ext cx="1554480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2958128" y="1420967"/>
            <a:ext cx="1554480" cy="1554480"/>
          </a:xfrm>
          <a:prstGeom prst="rect">
            <a:avLst/>
          </a:prstGeom>
          <a:solidFill>
            <a:srgbClr val="73BCB1"/>
          </a:solidFill>
        </p:spPr>
        <p:txBody>
          <a:bodyPr lIns="137160" tIns="91440" bIns="91440" anchor="ctr"/>
          <a:lstStyle>
            <a:lvl1pPr marL="0" indent="0" algn="l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612293" y="843558"/>
            <a:ext cx="375597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4 PICTURES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11560" y="411510"/>
            <a:ext cx="377354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EVENTS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499992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Picture Placeholder 6"/>
          <p:cNvSpPr>
            <a:spLocks noGrp="1"/>
          </p:cNvSpPr>
          <p:nvPr>
            <p:ph type="pic" sz="quarter" idx="41"/>
          </p:nvPr>
        </p:nvSpPr>
        <p:spPr>
          <a:xfrm>
            <a:off x="4631392" y="1419622"/>
            <a:ext cx="1554480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42"/>
          </p:nvPr>
        </p:nvSpPr>
        <p:spPr>
          <a:xfrm>
            <a:off x="6185872" y="1420967"/>
            <a:ext cx="1554480" cy="1554480"/>
          </a:xfrm>
          <a:prstGeom prst="rect">
            <a:avLst/>
          </a:prstGeom>
          <a:solidFill>
            <a:srgbClr val="73BCB1"/>
          </a:solidFill>
        </p:spPr>
        <p:txBody>
          <a:bodyPr lIns="137160" tIns="91440" bIns="91440" anchor="ctr"/>
          <a:lstStyle>
            <a:lvl1pPr marL="0" indent="0" algn="l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43"/>
          </p:nvPr>
        </p:nvSpPr>
        <p:spPr>
          <a:xfrm>
            <a:off x="1403648" y="3075806"/>
            <a:ext cx="1554480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44"/>
          </p:nvPr>
        </p:nvSpPr>
        <p:spPr>
          <a:xfrm>
            <a:off x="2958128" y="3077151"/>
            <a:ext cx="1554480" cy="1554480"/>
          </a:xfrm>
          <a:prstGeom prst="rect">
            <a:avLst/>
          </a:prstGeom>
          <a:solidFill>
            <a:srgbClr val="73BCB1"/>
          </a:solidFill>
        </p:spPr>
        <p:txBody>
          <a:bodyPr lIns="137160" tIns="91440" bIns="91440" anchor="ctr"/>
          <a:lstStyle>
            <a:lvl1pPr marL="0" indent="0" algn="l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45"/>
          </p:nvPr>
        </p:nvSpPr>
        <p:spPr>
          <a:xfrm>
            <a:off x="4631392" y="3075806"/>
            <a:ext cx="1554480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46"/>
          </p:nvPr>
        </p:nvSpPr>
        <p:spPr>
          <a:xfrm>
            <a:off x="6185872" y="3075806"/>
            <a:ext cx="1554480" cy="1554480"/>
          </a:xfrm>
          <a:prstGeom prst="rect">
            <a:avLst/>
          </a:prstGeom>
          <a:solidFill>
            <a:srgbClr val="73BCB1"/>
          </a:solidFill>
        </p:spPr>
        <p:txBody>
          <a:bodyPr lIns="137160" tIns="91440" bIns="91440" anchor="ctr"/>
          <a:lstStyle>
            <a:lvl1pPr marL="0" indent="0" algn="l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825083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750"/>
                            </p:stCondLst>
                            <p:childTnLst>
                              <p:par>
                                <p:cTn id="3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70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10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/>
      <p:bldP spid="13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/>
      <p:bldP spid="17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0" y="0"/>
            <a:ext cx="5580112" cy="51435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5940153" y="2470025"/>
            <a:ext cx="3203848" cy="402307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ext Placeholder 5"/>
          <p:cNvSpPr>
            <a:spLocks noGrp="1"/>
          </p:cNvSpPr>
          <p:nvPr>
            <p:ph type="body" sz="quarter" idx="16" hasCustomPrompt="1"/>
          </p:nvPr>
        </p:nvSpPr>
        <p:spPr>
          <a:xfrm>
            <a:off x="6012160" y="2947456"/>
            <a:ext cx="2845087" cy="1370175"/>
          </a:xfrm>
          <a:prstGeom prst="rect">
            <a:avLst/>
          </a:prstGeom>
        </p:spPr>
        <p:txBody>
          <a:bodyPr lIns="91386" tIns="45696" rIns="91386" bIns="45696">
            <a:normAutofit/>
          </a:bodyPr>
          <a:lstStyle>
            <a:lvl1pPr marL="0" indent="0" algn="r">
              <a:buNone/>
              <a:defRPr sz="1100" b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5"/>
          <p:cNvSpPr>
            <a:spLocks noGrp="1"/>
          </p:cNvSpPr>
          <p:nvPr>
            <p:ph type="body" sz="quarter" idx="42"/>
          </p:nvPr>
        </p:nvSpPr>
        <p:spPr>
          <a:xfrm>
            <a:off x="6012161" y="2515408"/>
            <a:ext cx="2845088" cy="315443"/>
          </a:xfrm>
          <a:prstGeom prst="rect">
            <a:avLst/>
          </a:prstGeom>
        </p:spPr>
        <p:txBody>
          <a:bodyPr lIns="91386" tIns="45696" rIns="91386" bIns="45696">
            <a:noAutofit/>
          </a:bodyPr>
          <a:lstStyle>
            <a:lvl1pPr marL="0" indent="0" algn="r">
              <a:buNone/>
              <a:defRPr sz="1100" b="0" baseline="0">
                <a:solidFill>
                  <a:schemeClr val="bg1"/>
                </a:solidFill>
                <a:latin typeface="+mn-lt"/>
                <a:cs typeface="WeblySleek UI Semibold" panose="020B07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751576" y="1563638"/>
            <a:ext cx="286476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BOUT US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4572000" y="2341980"/>
            <a:ext cx="0" cy="530352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760720" y="1975104"/>
            <a:ext cx="2851427" cy="391202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 PICTUR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956352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2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8" grpId="0" animBg="1"/>
      <p:bldP spid="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HROME BROWSER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ARTNERSHIPS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39780" y="1491630"/>
            <a:ext cx="4486505" cy="3014931"/>
          </a:xfrm>
          <a:prstGeom prst="rect">
            <a:avLst/>
          </a:prstGeom>
          <a:ln>
            <a:noFill/>
          </a:ln>
          <a:effectLst>
            <a:outerShdw blurRad="63500" dir="300000" algn="tl" rotWithShape="0">
              <a:srgbClr val="333333">
                <a:alpha val="45000"/>
              </a:srgbClr>
            </a:outerShdw>
          </a:effectLst>
        </p:spPr>
      </p:pic>
      <p:sp>
        <p:nvSpPr>
          <p:cNvPr id="8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4133088" y="1788323"/>
            <a:ext cx="4500861" cy="271966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44"/>
          </p:nvPr>
        </p:nvSpPr>
        <p:spPr>
          <a:xfrm>
            <a:off x="4572000" y="1577587"/>
            <a:ext cx="3888432" cy="210736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700" b="0" spc="7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755576" y="2211710"/>
            <a:ext cx="3096344" cy="813078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43"/>
          </p:nvPr>
        </p:nvSpPr>
        <p:spPr>
          <a:xfrm>
            <a:off x="763883" y="1882641"/>
            <a:ext cx="3086109" cy="329069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45"/>
          </p:nvPr>
        </p:nvSpPr>
        <p:spPr>
          <a:xfrm>
            <a:off x="755576" y="3304239"/>
            <a:ext cx="3096344" cy="523613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46"/>
          </p:nvPr>
        </p:nvSpPr>
        <p:spPr>
          <a:xfrm>
            <a:off x="763883" y="3034769"/>
            <a:ext cx="3086109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49"/>
          </p:nvPr>
        </p:nvSpPr>
        <p:spPr>
          <a:xfrm>
            <a:off x="755576" y="4096327"/>
            <a:ext cx="3096344" cy="260463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50"/>
          </p:nvPr>
        </p:nvSpPr>
        <p:spPr>
          <a:xfrm>
            <a:off x="763883" y="3826857"/>
            <a:ext cx="3086109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84514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25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2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25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9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/>
          <p:cNvGrpSpPr/>
          <p:nvPr userDrawn="1"/>
        </p:nvGrpSpPr>
        <p:grpSpPr>
          <a:xfrm>
            <a:off x="6415363" y="2791321"/>
            <a:ext cx="2035466" cy="1661959"/>
            <a:chOff x="6415363" y="2791321"/>
            <a:chExt cx="2035466" cy="1661959"/>
          </a:xfrm>
          <a:solidFill>
            <a:srgbClr val="73BCB1"/>
          </a:solidFill>
        </p:grpSpPr>
        <p:sp>
          <p:nvSpPr>
            <p:cNvPr id="27" name="Rectangular Callout 26"/>
            <p:cNvSpPr/>
            <p:nvPr userDrawn="1"/>
          </p:nvSpPr>
          <p:spPr>
            <a:xfrm rot="5400000">
              <a:off x="6650985" y="2653437"/>
              <a:ext cx="1661959" cy="1937728"/>
            </a:xfrm>
            <a:prstGeom prst="wedgeRectCallout">
              <a:avLst>
                <a:gd name="adj1" fmla="val -19269"/>
                <a:gd name="adj2" fmla="val 50024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" name="Right Triangle 3"/>
            <p:cNvSpPr/>
            <p:nvPr userDrawn="1"/>
          </p:nvSpPr>
          <p:spPr>
            <a:xfrm rot="2469014">
              <a:off x="6415363" y="3008817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4" name="Group 3"/>
          <p:cNvGrpSpPr/>
          <p:nvPr userDrawn="1"/>
        </p:nvGrpSpPr>
        <p:grpSpPr>
          <a:xfrm>
            <a:off x="6415362" y="789553"/>
            <a:ext cx="2035467" cy="990111"/>
            <a:chOff x="6415362" y="789553"/>
            <a:chExt cx="2035467" cy="990111"/>
          </a:xfrm>
          <a:solidFill>
            <a:srgbClr val="73BCB1"/>
          </a:solidFill>
        </p:grpSpPr>
        <p:sp>
          <p:nvSpPr>
            <p:cNvPr id="18" name="Right Triangle 3"/>
            <p:cNvSpPr/>
            <p:nvPr userDrawn="1"/>
          </p:nvSpPr>
          <p:spPr>
            <a:xfrm rot="2469014">
              <a:off x="6415362" y="902096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" name="Rectangular Callout 1"/>
            <p:cNvSpPr/>
            <p:nvPr userDrawn="1"/>
          </p:nvSpPr>
          <p:spPr>
            <a:xfrm rot="5400000">
              <a:off x="6986909" y="315745"/>
              <a:ext cx="990111" cy="1937728"/>
            </a:xfrm>
            <a:prstGeom prst="wedgeRectCallout">
              <a:avLst>
                <a:gd name="adj1" fmla="val -18208"/>
                <a:gd name="adj2" fmla="val 50024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63888" y="923363"/>
            <a:ext cx="2487546" cy="3190000"/>
          </a:xfrm>
          <a:prstGeom prst="rect">
            <a:avLst/>
          </a:prstGeom>
          <a:effectLst/>
        </p:spPr>
      </p:pic>
      <p:sp>
        <p:nvSpPr>
          <p:cNvPr id="47" name="Text Placeholder 30"/>
          <p:cNvSpPr>
            <a:spLocks noGrp="1"/>
          </p:cNvSpPr>
          <p:nvPr>
            <p:ph type="body" sz="quarter" idx="74"/>
          </p:nvPr>
        </p:nvSpPr>
        <p:spPr>
          <a:xfrm>
            <a:off x="1246339" y="1600200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65" hasCustomPrompt="1"/>
          </p:nvPr>
        </p:nvSpPr>
        <p:spPr>
          <a:xfrm>
            <a:off x="6578624" y="2783727"/>
            <a:ext cx="1828418" cy="1660233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58" hasCustomPrompt="1"/>
          </p:nvPr>
        </p:nvSpPr>
        <p:spPr>
          <a:xfrm>
            <a:off x="6578624" y="789554"/>
            <a:ext cx="1828418" cy="990110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51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3835552" y="1206749"/>
            <a:ext cx="1960584" cy="25968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52" name="Text Placeholder 30"/>
          <p:cNvSpPr>
            <a:spLocks noGrp="1"/>
          </p:cNvSpPr>
          <p:nvPr>
            <p:ph type="body" sz="quarter" idx="75"/>
          </p:nvPr>
        </p:nvSpPr>
        <p:spPr>
          <a:xfrm>
            <a:off x="1248965" y="2314636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3" name="Text Placeholder 30"/>
          <p:cNvSpPr>
            <a:spLocks noGrp="1"/>
          </p:cNvSpPr>
          <p:nvPr>
            <p:ph type="body" sz="quarter" idx="76"/>
          </p:nvPr>
        </p:nvSpPr>
        <p:spPr>
          <a:xfrm>
            <a:off x="1239851" y="3029413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4" name="Text Placeholder 30"/>
          <p:cNvSpPr>
            <a:spLocks noGrp="1"/>
          </p:cNvSpPr>
          <p:nvPr>
            <p:ph type="body" sz="quarter" idx="77"/>
          </p:nvPr>
        </p:nvSpPr>
        <p:spPr>
          <a:xfrm>
            <a:off x="1242477" y="3743849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5" name="Text Placeholder 30"/>
          <p:cNvSpPr>
            <a:spLocks noGrp="1"/>
          </p:cNvSpPr>
          <p:nvPr>
            <p:ph type="body" sz="quarter" idx="78"/>
          </p:nvPr>
        </p:nvSpPr>
        <p:spPr>
          <a:xfrm>
            <a:off x="1239851" y="886467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2" name="Picture Placeholder 15"/>
          <p:cNvSpPr>
            <a:spLocks noGrp="1"/>
          </p:cNvSpPr>
          <p:nvPr>
            <p:ph type="pic" sz="quarter" idx="79" hasCustomPrompt="1"/>
          </p:nvPr>
        </p:nvSpPr>
        <p:spPr>
          <a:xfrm>
            <a:off x="678307" y="896998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3" name="Picture Placeholder 15"/>
          <p:cNvSpPr>
            <a:spLocks noGrp="1"/>
          </p:cNvSpPr>
          <p:nvPr>
            <p:ph type="pic" sz="quarter" idx="80" hasCustomPrompt="1"/>
          </p:nvPr>
        </p:nvSpPr>
        <p:spPr>
          <a:xfrm>
            <a:off x="678307" y="1611775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4" name="Picture Placeholder 15"/>
          <p:cNvSpPr>
            <a:spLocks noGrp="1"/>
          </p:cNvSpPr>
          <p:nvPr>
            <p:ph type="pic" sz="quarter" idx="81" hasCustomPrompt="1"/>
          </p:nvPr>
        </p:nvSpPr>
        <p:spPr>
          <a:xfrm>
            <a:off x="678307" y="2331217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5" name="Picture Placeholder 15"/>
          <p:cNvSpPr>
            <a:spLocks noGrp="1"/>
          </p:cNvSpPr>
          <p:nvPr>
            <p:ph type="pic" sz="quarter" idx="82" hasCustomPrompt="1"/>
          </p:nvPr>
        </p:nvSpPr>
        <p:spPr>
          <a:xfrm>
            <a:off x="678307" y="3045994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6" name="Picture Placeholder 15"/>
          <p:cNvSpPr>
            <a:spLocks noGrp="1"/>
          </p:cNvSpPr>
          <p:nvPr>
            <p:ph type="pic" sz="quarter" idx="83" hasCustomPrompt="1"/>
          </p:nvPr>
        </p:nvSpPr>
        <p:spPr>
          <a:xfrm>
            <a:off x="678307" y="3743849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</p:spTree>
    <p:extLst>
      <p:ext uri="{BB962C8B-B14F-4D97-AF65-F5344CB8AC3E}">
        <p14:creationId xmlns:p14="http://schemas.microsoft.com/office/powerpoint/2010/main" val="4830285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000"/>
                            </p:stCondLst>
                            <p:childTnLst>
                              <p:par>
                                <p:cTn id="12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000"/>
                            </p:stCondLst>
                            <p:childTnLst>
                              <p:par>
                                <p:cTn id="19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4" dur="500"/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30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75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2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7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550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675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800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75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animBg="1"/>
      <p:bldP spid="52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/>
      <p:bldP spid="23" grpId="0"/>
      <p:bldP spid="24" grpId="0"/>
      <p:bldP spid="25" grpId="0"/>
      <p:bldP spid="26" grpId="0"/>
    </p:bldLst>
  </p:timing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6"/>
          <p:cNvSpPr>
            <a:spLocks noGrp="1"/>
          </p:cNvSpPr>
          <p:nvPr>
            <p:ph type="pic" sz="quarter" idx="94" hasCustomPrompt="1"/>
          </p:nvPr>
        </p:nvSpPr>
        <p:spPr>
          <a:xfrm>
            <a:off x="395536" y="397188"/>
            <a:ext cx="1656184" cy="292608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71450" indent="-171450" algn="ctr">
              <a:buFont typeface="Arial" panose="020B0604020202020204" pitchFamily="34" charset="0"/>
              <a:buChar char="•"/>
              <a:defRPr sz="1200"/>
            </a:lvl1pPr>
          </a:lstStyle>
          <a:p>
            <a:r>
              <a:rPr lang="en-US" dirty="0" smtClean="0"/>
              <a:t>Picture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2051720" y="1209853"/>
            <a:ext cx="2467595" cy="412576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3600" b="0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rue</a:t>
            </a:r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2061382" y="959091"/>
            <a:ext cx="2448272" cy="270901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16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he </a:t>
            </a:r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2234434" y="2787774"/>
            <a:ext cx="2294543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 Placeholder 27"/>
          <p:cNvSpPr>
            <a:spLocks noGrp="1"/>
          </p:cNvSpPr>
          <p:nvPr>
            <p:ph type="body" sz="quarter" idx="95" hasCustomPrompt="1"/>
          </p:nvPr>
        </p:nvSpPr>
        <p:spPr>
          <a:xfrm>
            <a:off x="2061382" y="1584343"/>
            <a:ext cx="2467595" cy="502110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3600" b="0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pirit</a:t>
            </a:r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96" hasCustomPrompt="1"/>
          </p:nvPr>
        </p:nvSpPr>
        <p:spPr>
          <a:xfrm>
            <a:off x="2051720" y="2244226"/>
            <a:ext cx="504056" cy="381736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1600" b="0" spc="0" baseline="0">
                <a:solidFill>
                  <a:srgbClr val="97CDC5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f 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97" hasCustomPrompt="1"/>
          </p:nvPr>
        </p:nvSpPr>
        <p:spPr>
          <a:xfrm>
            <a:off x="2234434" y="2067694"/>
            <a:ext cx="2467595" cy="496807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4400" b="0" spc="-3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</a:t>
            </a:r>
            <a:endParaRPr lang="en-US" dirty="0"/>
          </a:p>
        </p:txBody>
      </p:sp>
      <p:sp>
        <p:nvSpPr>
          <p:cNvPr id="32" name="Picture Placeholder 6"/>
          <p:cNvSpPr>
            <a:spLocks noGrp="1"/>
          </p:cNvSpPr>
          <p:nvPr>
            <p:ph type="pic" sz="quarter" idx="98" hasCustomPrompt="1"/>
          </p:nvPr>
        </p:nvSpPr>
        <p:spPr>
          <a:xfrm>
            <a:off x="4903540" y="386829"/>
            <a:ext cx="1736368" cy="112106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71450" indent="-171450" algn="ctr">
              <a:buFont typeface="Arial" panose="020B0604020202020204" pitchFamily="34" charset="0"/>
              <a:buChar char="•"/>
              <a:defRPr sz="1200"/>
            </a:lvl1pPr>
          </a:lstStyle>
          <a:p>
            <a:r>
              <a:rPr lang="en-US" dirty="0" smtClean="0"/>
              <a:t>Picture</a:t>
            </a:r>
            <a:endParaRPr lang="en-US" dirty="0"/>
          </a:p>
        </p:txBody>
      </p:sp>
      <p:sp>
        <p:nvSpPr>
          <p:cNvPr id="33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4912781" y="1629590"/>
            <a:ext cx="2734043" cy="170073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4" name="Picture Placeholder 6"/>
          <p:cNvSpPr>
            <a:spLocks noGrp="1"/>
          </p:cNvSpPr>
          <p:nvPr>
            <p:ph type="pic" sz="quarter" idx="100" hasCustomPrompt="1"/>
          </p:nvPr>
        </p:nvSpPr>
        <p:spPr>
          <a:xfrm>
            <a:off x="7794790" y="1629589"/>
            <a:ext cx="949821" cy="92960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71450" indent="-171450" algn="ctr">
              <a:buFont typeface="Arial" panose="020B0604020202020204" pitchFamily="34" charset="0"/>
              <a:buChar char="•"/>
              <a:defRPr sz="1200"/>
            </a:lvl1pPr>
          </a:lstStyle>
          <a:p>
            <a:r>
              <a:rPr lang="en-US" dirty="0" smtClean="0"/>
              <a:t>Picture</a:t>
            </a:r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01" hasCustomPrompt="1"/>
          </p:nvPr>
        </p:nvSpPr>
        <p:spPr>
          <a:xfrm>
            <a:off x="1547664" y="3456432"/>
            <a:ext cx="2582626" cy="129792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</a:t>
            </a:r>
            <a:endParaRPr lang="en-US" dirty="0"/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280116" y="3465576"/>
            <a:ext cx="4464496" cy="1279969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280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75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75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75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75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3500"/>
                            </p:stCondLst>
                            <p:childTnLst>
                              <p:par>
                                <p:cTn id="21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475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6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65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6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6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3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6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95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6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600"/>
                            </p:stCondLst>
                            <p:childTnLst>
                              <p:par>
                                <p:cTn id="44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6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 animBg="1"/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/>
      <p:bldP spid="33" grpId="0" animBg="1"/>
      <p:bldP spid="34" grpId="0" animBg="1"/>
      <p:bldP spid="35" grpId="0" animBg="1"/>
      <p:bldP spid="36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613648" y="4992624"/>
            <a:ext cx="288032" cy="196850"/>
          </a:xfrm>
          <a:prstGeom prst="rect">
            <a:avLst/>
          </a:prstGeom>
        </p:spPr>
        <p:txBody>
          <a:bodyPr lIns="73152" tIns="0" rIns="0" bIns="0"/>
          <a:lstStyle>
            <a:lvl1pPr>
              <a:defRPr sz="9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fld id="{0AA277DB-22BF-421D-A9E4-4650984A941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2521981" y="-5022"/>
            <a:ext cx="3994236" cy="2582447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6" hasCustomPrompt="1"/>
          </p:nvPr>
        </p:nvSpPr>
        <p:spPr>
          <a:xfrm>
            <a:off x="0" y="0"/>
            <a:ext cx="2538576" cy="258945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 hasCustomPrompt="1"/>
          </p:nvPr>
        </p:nvSpPr>
        <p:spPr>
          <a:xfrm>
            <a:off x="6516216" y="0"/>
            <a:ext cx="2633823" cy="129369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 i="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 hasCustomPrompt="1"/>
          </p:nvPr>
        </p:nvSpPr>
        <p:spPr>
          <a:xfrm>
            <a:off x="4578041" y="2569464"/>
            <a:ext cx="4565960" cy="25938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0" y="2569464"/>
            <a:ext cx="2538575" cy="2572995"/>
          </a:xfrm>
          <a:prstGeom prst="rect">
            <a:avLst/>
          </a:prstGeom>
          <a:solidFill>
            <a:srgbClr val="73BCB1"/>
          </a:solidFill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37"/>
          </p:nvPr>
        </p:nvSpPr>
        <p:spPr>
          <a:xfrm>
            <a:off x="6516215" y="1290025"/>
            <a:ext cx="2633825" cy="1287401"/>
          </a:xfrm>
          <a:prstGeom prst="rect">
            <a:avLst/>
          </a:prstGeom>
          <a:solidFill>
            <a:srgbClr val="73BCB1"/>
          </a:solidFill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39"/>
          </p:nvPr>
        </p:nvSpPr>
        <p:spPr>
          <a:xfrm>
            <a:off x="2538575" y="3876659"/>
            <a:ext cx="2039466" cy="126684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544615" y="2569464"/>
            <a:ext cx="2033426" cy="1307195"/>
          </a:xfrm>
          <a:prstGeom prst="rect">
            <a:avLst/>
          </a:prstGeom>
          <a:noFill/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32333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22" presetClass="entr" presetSubtype="2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4" fill="hold" grpId="0" nodeType="withEffect">
                                  <p:stCondLst>
                                    <p:cond delay="5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" dur="750"/>
                                        <p:tgtEl>
                                          <p:spTgt spid="14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4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7" dur="75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050"/>
                            </p:stCondLst>
                            <p:childTnLst>
                              <p:par>
                                <p:cTn id="19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1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2800"/>
                            </p:stCondLst>
                            <p:childTnLst>
                              <p:par>
                                <p:cTn id="2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8" dur="750"/>
                                        <p:tgtEl>
                                          <p:spTgt spid="17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1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1" dur="75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050"/>
                            </p:stCondLst>
                            <p:childTnLst>
                              <p:par>
                                <p:cTn id="3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5" dur="750"/>
                                        <p:tgtEl>
                                          <p:spTgt spid="19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800"/>
                            </p:stCondLst>
                            <p:childTnLst>
                              <p:par>
                                <p:cTn id="37" presetID="22" presetClass="entr" presetSubtype="8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9" dur="75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2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2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2" grpId="0" animBg="1"/>
      <p:bldP spid="10" grpId="0" animBg="1"/>
      <p:bldP spid="21" grpId="0" animBg="1"/>
      <p:bldP spid="17" grpId="0" uiExpand="1" build="p" animBg="1">
        <p:tmplLst>
          <p:tmpl lvl="1">
            <p:tnLst>
              <p:par>
                <p:cTn presetID="22" presetClass="entr" presetSubtype="1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  <p:tmpl>
            <p:tnLst>
              <p:par>
                <p:cTn presetID="22" presetClass="entr" presetSubtype="1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 animBg="1">
        <p:tmplLst>
          <p:tmpl lvl="1">
            <p:tnLst>
              <p:par>
                <p:cTn presetID="22" presetClass="entr" presetSubtype="4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  <p:tmpl>
            <p:tnLst>
              <p:par>
                <p:cTn presetID="22" presetClass="entr" presetSubtype="4" fill="hold" nodeType="withEffect">
                  <p:stCondLst>
                    <p:cond delay="5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uiExpand="1" build="p" animBg="1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1976781" y="885759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2555776" y="3579862"/>
            <a:ext cx="4392488" cy="1080120"/>
          </a:xfrm>
          <a:prstGeom prst="rect">
            <a:avLst/>
          </a:prstGeom>
        </p:spPr>
        <p:txBody>
          <a:bodyPr lIns="365760" tIns="182880" rIns="365760" anchor="t"/>
          <a:lstStyle>
            <a:lvl1pPr marL="0" indent="0" algn="ctr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3372504" y="885759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4768227" y="885759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6159988" y="885759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1973847" y="2283718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3374402" y="2283718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36"/>
          </p:nvPr>
        </p:nvSpPr>
        <p:spPr>
          <a:xfrm>
            <a:off x="4768227" y="2283718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37"/>
          </p:nvPr>
        </p:nvSpPr>
        <p:spPr>
          <a:xfrm>
            <a:off x="6159988" y="2283718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2711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/>
      <p:bldP spid="18" grpId="0" animBg="1"/>
      <p:bldP spid="19" grpId="0" animBg="1"/>
      <p:bldP spid="20" grpId="0" animBg="1"/>
      <p:bldP spid="21" grpId="0" animBg="1"/>
      <p:bldP spid="22" grpId="0" animBg="1"/>
      <p:bldP spid="23" grpId="0" animBg="1"/>
    </p:bldLst>
  </p:timing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ONITOR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OCK UP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7984" y="960746"/>
            <a:ext cx="5328592" cy="3847369"/>
          </a:xfrm>
          <a:prstGeom prst="rect">
            <a:avLst/>
          </a:prstGeom>
        </p:spPr>
      </p:pic>
      <p:sp>
        <p:nvSpPr>
          <p:cNvPr id="7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4670348" y="1163364"/>
            <a:ext cx="4843864" cy="277230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45"/>
          </p:nvPr>
        </p:nvSpPr>
        <p:spPr>
          <a:xfrm>
            <a:off x="580294" y="2264709"/>
            <a:ext cx="2712397" cy="422707"/>
          </a:xfrm>
          <a:prstGeom prst="rect">
            <a:avLst/>
          </a:prstGeom>
          <a:solidFill>
            <a:schemeClr val="bg1">
              <a:alpha val="80000"/>
            </a:schemeClr>
          </a:solidFill>
          <a:ln>
            <a:solidFill>
              <a:srgbClr val="73BCB1"/>
            </a:solidFill>
          </a:ln>
        </p:spPr>
        <p:txBody>
          <a:bodyPr tIns="91440" bIns="91440" anchor="ctr"/>
          <a:lstStyle>
            <a:lvl1pPr marL="0" indent="0" algn="r">
              <a:buNone/>
              <a:defRPr sz="110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8" name="Straight Arrow Connector 17"/>
          <p:cNvCxnSpPr>
            <a:stCxn id="8" idx="3"/>
          </p:cNvCxnSpPr>
          <p:nvPr userDrawn="1"/>
        </p:nvCxnSpPr>
        <p:spPr>
          <a:xfrm>
            <a:off x="3292691" y="2476063"/>
            <a:ext cx="919269" cy="1961"/>
          </a:xfrm>
          <a:prstGeom prst="straightConnector1">
            <a:avLst/>
          </a:prstGeom>
          <a:ln w="12700">
            <a:solidFill>
              <a:srgbClr val="73BCB1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Text Placeholder 30"/>
          <p:cNvSpPr>
            <a:spLocks noGrp="1"/>
          </p:cNvSpPr>
          <p:nvPr>
            <p:ph type="body" sz="quarter" idx="50"/>
          </p:nvPr>
        </p:nvSpPr>
        <p:spPr>
          <a:xfrm>
            <a:off x="580293" y="2884431"/>
            <a:ext cx="2712397" cy="422707"/>
          </a:xfrm>
          <a:prstGeom prst="rect">
            <a:avLst/>
          </a:prstGeom>
          <a:solidFill>
            <a:srgbClr val="73BCB1"/>
          </a:solidFill>
        </p:spPr>
        <p:txBody>
          <a:bodyPr tIns="91440" bIns="91440" anchor="ctr"/>
          <a:lstStyle>
            <a:lvl1pPr marL="0" indent="0" algn="r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56" name="Straight Arrow Connector 55"/>
          <p:cNvCxnSpPr>
            <a:stCxn id="55" idx="3"/>
          </p:cNvCxnSpPr>
          <p:nvPr userDrawn="1"/>
        </p:nvCxnSpPr>
        <p:spPr>
          <a:xfrm>
            <a:off x="3292690" y="3095785"/>
            <a:ext cx="914504" cy="0"/>
          </a:xfrm>
          <a:prstGeom prst="straightConnector1">
            <a:avLst/>
          </a:prstGeom>
          <a:ln w="12700">
            <a:solidFill>
              <a:srgbClr val="73BCB1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 Placeholder 30"/>
          <p:cNvSpPr>
            <a:spLocks noGrp="1"/>
          </p:cNvSpPr>
          <p:nvPr>
            <p:ph type="body" sz="quarter" idx="51"/>
          </p:nvPr>
        </p:nvSpPr>
        <p:spPr>
          <a:xfrm>
            <a:off x="580292" y="3504153"/>
            <a:ext cx="2712397" cy="422707"/>
          </a:xfrm>
          <a:prstGeom prst="rect">
            <a:avLst/>
          </a:prstGeom>
          <a:solidFill>
            <a:schemeClr val="bg1">
              <a:alpha val="80000"/>
            </a:schemeClr>
          </a:solidFill>
          <a:ln>
            <a:solidFill>
              <a:srgbClr val="73BCB1"/>
            </a:solidFill>
          </a:ln>
        </p:spPr>
        <p:txBody>
          <a:bodyPr tIns="91440" bIns="91440" anchor="ctr"/>
          <a:lstStyle>
            <a:lvl1pPr marL="0" indent="0" algn="r">
              <a:buNone/>
              <a:defRPr sz="110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62" name="Straight Arrow Connector 61"/>
          <p:cNvCxnSpPr>
            <a:stCxn id="61" idx="3"/>
          </p:cNvCxnSpPr>
          <p:nvPr userDrawn="1"/>
        </p:nvCxnSpPr>
        <p:spPr>
          <a:xfrm>
            <a:off x="3292689" y="3715507"/>
            <a:ext cx="919271" cy="0"/>
          </a:xfrm>
          <a:prstGeom prst="straightConnector1">
            <a:avLst/>
          </a:prstGeom>
          <a:ln w="12700">
            <a:solidFill>
              <a:srgbClr val="73BCB1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Text Placeholder 30"/>
          <p:cNvSpPr>
            <a:spLocks noGrp="1"/>
          </p:cNvSpPr>
          <p:nvPr>
            <p:ph type="body" sz="quarter" idx="52"/>
          </p:nvPr>
        </p:nvSpPr>
        <p:spPr>
          <a:xfrm>
            <a:off x="580294" y="1644987"/>
            <a:ext cx="2712397" cy="422707"/>
          </a:xfrm>
          <a:prstGeom prst="rect">
            <a:avLst/>
          </a:prstGeom>
          <a:solidFill>
            <a:srgbClr val="73BCB1"/>
          </a:solidFill>
        </p:spPr>
        <p:txBody>
          <a:bodyPr tIns="91440" bIns="91440" anchor="ctr"/>
          <a:lstStyle>
            <a:lvl1pPr marL="0" indent="0" algn="r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67" name="Straight Arrow Connector 66"/>
          <p:cNvCxnSpPr/>
          <p:nvPr userDrawn="1"/>
        </p:nvCxnSpPr>
        <p:spPr>
          <a:xfrm>
            <a:off x="3292691" y="1852559"/>
            <a:ext cx="914503" cy="0"/>
          </a:xfrm>
          <a:prstGeom prst="straightConnector1">
            <a:avLst/>
          </a:prstGeom>
          <a:ln w="12700">
            <a:solidFill>
              <a:srgbClr val="73BCB1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71075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375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250"/>
                            </p:stCondLst>
                            <p:childTnLst>
                              <p:par>
                                <p:cTn id="23" presetID="22" presetClass="entr" presetSubtype="2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9" dur="75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6000"/>
                            </p:stCondLst>
                            <p:childTnLst>
                              <p:par>
                                <p:cTn id="31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500"/>
                            </p:stCondLst>
                            <p:childTnLst>
                              <p:par>
                                <p:cTn id="3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7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7250"/>
                            </p:stCondLst>
                            <p:childTnLst>
                              <p:par>
                                <p:cTn id="39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1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750"/>
                            </p:stCondLst>
                            <p:childTnLst>
                              <p:par>
                                <p:cTn id="43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5" dur="75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8500"/>
                            </p:stCondLst>
                            <p:childTnLst>
                              <p:par>
                                <p:cTn id="47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9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9000"/>
                            </p:stCondLst>
                            <p:childTnLst>
                              <p:par>
                                <p:cTn id="51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53" dur="75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8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1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6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6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6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4790680" y="915566"/>
            <a:ext cx="332006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WITH ICON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4788024" y="483518"/>
            <a:ext cx="333559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CESS MAP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val 1"/>
          <p:cNvSpPr/>
          <p:nvPr userDrawn="1"/>
        </p:nvSpPr>
        <p:spPr>
          <a:xfrm>
            <a:off x="971600" y="937842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82" hasCustomPrompt="1"/>
          </p:nvPr>
        </p:nvSpPr>
        <p:spPr>
          <a:xfrm>
            <a:off x="1051560" y="1041864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76"/>
          </p:nvPr>
        </p:nvSpPr>
        <p:spPr>
          <a:xfrm>
            <a:off x="539552" y="1769476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Oval 22"/>
          <p:cNvSpPr/>
          <p:nvPr userDrawn="1"/>
        </p:nvSpPr>
        <p:spPr>
          <a:xfrm>
            <a:off x="4788024" y="1851670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185" hasCustomPrompt="1"/>
          </p:nvPr>
        </p:nvSpPr>
        <p:spPr>
          <a:xfrm>
            <a:off x="4849696" y="1955692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86"/>
          </p:nvPr>
        </p:nvSpPr>
        <p:spPr>
          <a:xfrm>
            <a:off x="4355976" y="2715766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8" name="Oval 27"/>
          <p:cNvSpPr/>
          <p:nvPr userDrawn="1"/>
        </p:nvSpPr>
        <p:spPr>
          <a:xfrm>
            <a:off x="2782136" y="932688"/>
            <a:ext cx="792088" cy="792088"/>
          </a:xfrm>
          <a:prstGeom prst="ellipse">
            <a:avLst/>
          </a:prstGeom>
          <a:solidFill>
            <a:srgbClr val="B88139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2843808" y="1042416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88"/>
          </p:nvPr>
        </p:nvSpPr>
        <p:spPr>
          <a:xfrm>
            <a:off x="2350088" y="1773936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33" name="Straight Arrow Connector 32"/>
          <p:cNvCxnSpPr>
            <a:stCxn id="2" idx="6"/>
            <a:endCxn id="28" idx="2"/>
          </p:cNvCxnSpPr>
          <p:nvPr userDrawn="1"/>
        </p:nvCxnSpPr>
        <p:spPr>
          <a:xfrm flipV="1">
            <a:off x="1763688" y="1328732"/>
            <a:ext cx="1018448" cy="5154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Elbow Connector 17"/>
          <p:cNvCxnSpPr/>
          <p:nvPr userDrawn="1"/>
        </p:nvCxnSpPr>
        <p:spPr>
          <a:xfrm rot="16200000" flipH="1">
            <a:off x="82296" y="486923"/>
            <a:ext cx="1333886" cy="360040"/>
          </a:xfrm>
          <a:prstGeom prst="bentConnector2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Elbow Connector 40"/>
          <p:cNvCxnSpPr/>
          <p:nvPr userDrawn="1"/>
        </p:nvCxnSpPr>
        <p:spPr>
          <a:xfrm>
            <a:off x="3566160" y="1328732"/>
            <a:ext cx="1213800" cy="918982"/>
          </a:xfrm>
          <a:prstGeom prst="bentConnector3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val 41"/>
          <p:cNvSpPr/>
          <p:nvPr userDrawn="1"/>
        </p:nvSpPr>
        <p:spPr>
          <a:xfrm>
            <a:off x="7164288" y="1847088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189" hasCustomPrompt="1"/>
          </p:nvPr>
        </p:nvSpPr>
        <p:spPr>
          <a:xfrm>
            <a:off x="7242048" y="1965960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90"/>
          </p:nvPr>
        </p:nvSpPr>
        <p:spPr>
          <a:xfrm>
            <a:off x="6732240" y="2697480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48" name="Straight Arrow Connector 47"/>
          <p:cNvCxnSpPr/>
          <p:nvPr userDrawn="1"/>
        </p:nvCxnSpPr>
        <p:spPr>
          <a:xfrm flipV="1">
            <a:off x="5559552" y="2243132"/>
            <a:ext cx="1584176" cy="4582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val 50"/>
          <p:cNvSpPr/>
          <p:nvPr userDrawn="1"/>
        </p:nvSpPr>
        <p:spPr>
          <a:xfrm>
            <a:off x="6022424" y="3651870"/>
            <a:ext cx="792088" cy="792088"/>
          </a:xfrm>
          <a:prstGeom prst="ellipse">
            <a:avLst/>
          </a:prstGeom>
          <a:solidFill>
            <a:srgbClr val="B88139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Picture Placeholder 6"/>
          <p:cNvSpPr>
            <a:spLocks noGrp="1"/>
          </p:cNvSpPr>
          <p:nvPr>
            <p:ph type="pic" sz="quarter" idx="191" hasCustomPrompt="1"/>
          </p:nvPr>
        </p:nvSpPr>
        <p:spPr>
          <a:xfrm>
            <a:off x="6084096" y="372387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92"/>
          </p:nvPr>
        </p:nvSpPr>
        <p:spPr>
          <a:xfrm>
            <a:off x="5590376" y="4493118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4" name="Oval 53"/>
          <p:cNvSpPr/>
          <p:nvPr userDrawn="1"/>
        </p:nvSpPr>
        <p:spPr>
          <a:xfrm>
            <a:off x="3214112" y="3098082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5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3275784" y="3202104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6" name="Text Placeholder 27"/>
          <p:cNvSpPr>
            <a:spLocks noGrp="1"/>
          </p:cNvSpPr>
          <p:nvPr>
            <p:ph type="body" sz="quarter" idx="194"/>
          </p:nvPr>
        </p:nvSpPr>
        <p:spPr>
          <a:xfrm>
            <a:off x="2782064" y="3962178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57" name="Elbow Connector 56"/>
          <p:cNvCxnSpPr>
            <a:stCxn id="42" idx="6"/>
            <a:endCxn id="51" idx="6"/>
          </p:cNvCxnSpPr>
          <p:nvPr userDrawn="1"/>
        </p:nvCxnSpPr>
        <p:spPr>
          <a:xfrm flipH="1">
            <a:off x="6814512" y="2243132"/>
            <a:ext cx="1141864" cy="1804782"/>
          </a:xfrm>
          <a:prstGeom prst="bentConnector3">
            <a:avLst>
              <a:gd name="adj1" fmla="val -50168"/>
            </a:avLst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Elbow Connector 60"/>
          <p:cNvCxnSpPr>
            <a:stCxn id="51" idx="2"/>
            <a:endCxn id="54" idx="6"/>
          </p:cNvCxnSpPr>
          <p:nvPr userDrawn="1"/>
        </p:nvCxnSpPr>
        <p:spPr>
          <a:xfrm rot="10800000">
            <a:off x="4006200" y="3494126"/>
            <a:ext cx="2016224" cy="553788"/>
          </a:xfrm>
          <a:prstGeom prst="bentConnector3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Elbow Connector 64"/>
          <p:cNvCxnSpPr>
            <a:stCxn id="54" idx="2"/>
          </p:cNvCxnSpPr>
          <p:nvPr userDrawn="1"/>
        </p:nvCxnSpPr>
        <p:spPr>
          <a:xfrm rot="10800000" flipV="1">
            <a:off x="2566040" y="3494126"/>
            <a:ext cx="648072" cy="1649374"/>
          </a:xfrm>
          <a:prstGeom prst="bentConnector2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Text Placeholder 30"/>
          <p:cNvSpPr>
            <a:spLocks noGrp="1"/>
          </p:cNvSpPr>
          <p:nvPr>
            <p:ph type="body" sz="quarter" idx="177"/>
          </p:nvPr>
        </p:nvSpPr>
        <p:spPr>
          <a:xfrm>
            <a:off x="612648" y="2571750"/>
            <a:ext cx="1536192" cy="2160240"/>
          </a:xfrm>
          <a:prstGeom prst="rect">
            <a:avLst/>
          </a:prstGeom>
          <a:noFill/>
        </p:spPr>
        <p:txBody>
          <a:bodyPr lIns="45720" tIns="45720" rIns="4572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22849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18" presetClass="entr" presetSubtype="6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17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400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000"/>
                            </p:stCondLst>
                            <p:childTnLst>
                              <p:par>
                                <p:cTn id="29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31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60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000"/>
                            </p:stCondLst>
                            <p:childTnLst>
                              <p:par>
                                <p:cTn id="43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45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800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5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9000"/>
                            </p:stCondLst>
                            <p:childTnLst>
                              <p:par>
                                <p:cTn id="57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59" dur="10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100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6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11000"/>
                            </p:stCondLst>
                            <p:childTnLst>
                              <p:par>
                                <p:cTn id="71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73" dur="10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2000"/>
                            </p:stCondLst>
                            <p:childTnLst>
                              <p:par>
                                <p:cTn id="7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8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3000"/>
                            </p:stCondLst>
                            <p:childTnLst>
                              <p:par>
                                <p:cTn id="85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87" dur="10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14000"/>
                            </p:stCondLst>
                            <p:childTnLst>
                              <p:par>
                                <p:cTn id="8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9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15000"/>
                            </p:stCondLst>
                            <p:childTnLst>
                              <p:par>
                                <p:cTn id="99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101" dur="10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16000"/>
                            </p:stCondLst>
                            <p:childTnLst>
                              <p:par>
                                <p:cTn id="103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75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6" grpId="0"/>
      <p:bldP spid="12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/>
      <p:bldP spid="24" grpId="0"/>
      <p:bldP spid="25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animBg="1"/>
      <p:bldP spid="29" grpId="0"/>
      <p:bldP spid="30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 animBg="1"/>
      <p:bldP spid="43" grpId="0"/>
      <p:bldP spid="44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animBg="1"/>
      <p:bldP spid="52" grpId="0"/>
      <p:bldP spid="53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animBg="1"/>
      <p:bldP spid="55" grpId="0"/>
      <p:bldP spid="56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0" grpId="0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7"/>
          <p:cNvSpPr>
            <a:spLocks noGrp="1"/>
          </p:cNvSpPr>
          <p:nvPr>
            <p:ph type="pic" sz="quarter" idx="10"/>
          </p:nvPr>
        </p:nvSpPr>
        <p:spPr>
          <a:xfrm>
            <a:off x="1259632" y="3096344"/>
            <a:ext cx="6624736" cy="2859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>
            <a:normAutofit/>
          </a:bodyPr>
          <a:lstStyle>
            <a:lvl1pPr algn="ctr">
              <a:defRPr sz="1600"/>
            </a:lvl1pPr>
          </a:lstStyle>
          <a:p>
            <a:endParaRPr lang="th-TH" dirty="0"/>
          </a:p>
        </p:txBody>
      </p:sp>
      <p:sp>
        <p:nvSpPr>
          <p:cNvPr id="4" name="Picture Placeholder 6"/>
          <p:cNvSpPr>
            <a:spLocks noGrp="1" noChangeAspect="1"/>
          </p:cNvSpPr>
          <p:nvPr>
            <p:ph type="pic" sz="quarter" idx="79" hasCustomPrompt="1"/>
          </p:nvPr>
        </p:nvSpPr>
        <p:spPr>
          <a:xfrm>
            <a:off x="3635896" y="1642198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5" name="Text Placeholder 30"/>
          <p:cNvSpPr>
            <a:spLocks noGrp="1"/>
          </p:cNvSpPr>
          <p:nvPr>
            <p:ph type="body" sz="quarter" idx="80"/>
          </p:nvPr>
        </p:nvSpPr>
        <p:spPr>
          <a:xfrm>
            <a:off x="1763688" y="1654912"/>
            <a:ext cx="1868307" cy="472075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" name="Picture Placeholder 6"/>
          <p:cNvSpPr>
            <a:spLocks noGrp="1" noChangeAspect="1"/>
          </p:cNvSpPr>
          <p:nvPr>
            <p:ph type="pic" sz="quarter" idx="81" hasCustomPrompt="1"/>
          </p:nvPr>
        </p:nvSpPr>
        <p:spPr>
          <a:xfrm>
            <a:off x="3635896" y="2290270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82"/>
          </p:nvPr>
        </p:nvSpPr>
        <p:spPr>
          <a:xfrm>
            <a:off x="1763688" y="2302984"/>
            <a:ext cx="1868307" cy="472075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Picture Placeholder 6"/>
          <p:cNvSpPr>
            <a:spLocks noGrp="1" noChangeAspect="1"/>
          </p:cNvSpPr>
          <p:nvPr>
            <p:ph type="pic" sz="quarter" idx="83" hasCustomPrompt="1"/>
          </p:nvPr>
        </p:nvSpPr>
        <p:spPr>
          <a:xfrm>
            <a:off x="4860032" y="1642198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9" name="Text Placeholder 30"/>
          <p:cNvSpPr>
            <a:spLocks noGrp="1"/>
          </p:cNvSpPr>
          <p:nvPr>
            <p:ph type="body" sz="quarter" idx="84"/>
          </p:nvPr>
        </p:nvSpPr>
        <p:spPr>
          <a:xfrm>
            <a:off x="5439996" y="1654912"/>
            <a:ext cx="1868307" cy="472075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Picture Placeholder 6"/>
          <p:cNvSpPr>
            <a:spLocks noGrp="1" noChangeAspect="1"/>
          </p:cNvSpPr>
          <p:nvPr>
            <p:ph type="pic" sz="quarter" idx="85" hasCustomPrompt="1"/>
          </p:nvPr>
        </p:nvSpPr>
        <p:spPr>
          <a:xfrm>
            <a:off x="4856131" y="2277556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86"/>
          </p:nvPr>
        </p:nvSpPr>
        <p:spPr>
          <a:xfrm>
            <a:off x="5436095" y="2290270"/>
            <a:ext cx="1868307" cy="472075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83518"/>
            <a:ext cx="4271699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OME NEW SERVICE</a:t>
            </a:r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47654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375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2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/>
      <p:bldP spid="5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/>
      <p:bldP spid="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/>
      <p:bldP spid="9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/>
      <p:bldP spid="1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53080" y="915566"/>
            <a:ext cx="1772138" cy="3650245"/>
          </a:xfrm>
          <a:prstGeom prst="rect">
            <a:avLst/>
          </a:prstGeom>
          <a:ln>
            <a:noFill/>
          </a:ln>
          <a:effectLst>
            <a:outerShdw blurRad="317500" dist="88900" dir="3600000" sx="90000" sy="90000" algn="tl" rotWithShape="0">
              <a:srgbClr val="333333">
                <a:alpha val="20000"/>
              </a:srgbClr>
            </a:outerShdw>
          </a:effectLst>
        </p:spPr>
      </p:pic>
      <p:sp>
        <p:nvSpPr>
          <p:cNvPr id="22" name="Text Placeholder 30"/>
          <p:cNvSpPr>
            <a:spLocks noGrp="1"/>
          </p:cNvSpPr>
          <p:nvPr>
            <p:ph type="body" sz="quarter" idx="78"/>
          </p:nvPr>
        </p:nvSpPr>
        <p:spPr>
          <a:xfrm>
            <a:off x="827584" y="1925279"/>
            <a:ext cx="2976810" cy="665039"/>
          </a:xfrm>
          <a:prstGeom prst="rect">
            <a:avLst/>
          </a:prstGeom>
        </p:spPr>
        <p:txBody>
          <a:bodyPr tIns="9144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84"/>
          </p:nvPr>
        </p:nvSpPr>
        <p:spPr>
          <a:xfrm>
            <a:off x="4653392" y="1487040"/>
            <a:ext cx="1426464" cy="2542032"/>
          </a:xfrm>
          <a:prstGeom prst="rect">
            <a:avLst/>
          </a:prstGeom>
          <a:noFill/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Oval 24"/>
          <p:cNvSpPr/>
          <p:nvPr userDrawn="1"/>
        </p:nvSpPr>
        <p:spPr>
          <a:xfrm>
            <a:off x="3419872" y="1574564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1</a:t>
            </a:r>
            <a:endParaRPr lang="en-US" sz="1400" dirty="0">
              <a:latin typeface="+mj-lt"/>
            </a:endParaRPr>
          </a:p>
        </p:txBody>
      </p:sp>
      <p:cxnSp>
        <p:nvCxnSpPr>
          <p:cNvPr id="6" name="Straight Arrow Connector 5"/>
          <p:cNvCxnSpPr/>
          <p:nvPr userDrawn="1"/>
        </p:nvCxnSpPr>
        <p:spPr>
          <a:xfrm flipH="1">
            <a:off x="837881" y="1925279"/>
            <a:ext cx="2862510" cy="0"/>
          </a:xfrm>
          <a:prstGeom prst="straightConnector1">
            <a:avLst/>
          </a:prstGeom>
          <a:ln w="12700">
            <a:solidFill>
              <a:srgbClr val="73BCB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 Placeholder 30"/>
          <p:cNvSpPr>
            <a:spLocks noGrp="1"/>
          </p:cNvSpPr>
          <p:nvPr>
            <p:ph type="body" sz="quarter" idx="85"/>
          </p:nvPr>
        </p:nvSpPr>
        <p:spPr>
          <a:xfrm>
            <a:off x="827584" y="3024052"/>
            <a:ext cx="2976810" cy="665039"/>
          </a:xfrm>
          <a:prstGeom prst="rect">
            <a:avLst/>
          </a:prstGeom>
        </p:spPr>
        <p:txBody>
          <a:bodyPr tIns="9144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5" name="Oval 44"/>
          <p:cNvSpPr/>
          <p:nvPr userDrawn="1"/>
        </p:nvSpPr>
        <p:spPr>
          <a:xfrm>
            <a:off x="3419872" y="2672304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2</a:t>
            </a:r>
            <a:endParaRPr lang="en-US" sz="1400" dirty="0">
              <a:latin typeface="+mj-lt"/>
            </a:endParaRPr>
          </a:p>
        </p:txBody>
      </p:sp>
      <p:cxnSp>
        <p:nvCxnSpPr>
          <p:cNvPr id="46" name="Straight Arrow Connector 45"/>
          <p:cNvCxnSpPr/>
          <p:nvPr userDrawn="1"/>
        </p:nvCxnSpPr>
        <p:spPr>
          <a:xfrm flipH="1">
            <a:off x="837881" y="3024052"/>
            <a:ext cx="2862510" cy="0"/>
          </a:xfrm>
          <a:prstGeom prst="straightConnector1">
            <a:avLst/>
          </a:prstGeom>
          <a:ln w="12700">
            <a:solidFill>
              <a:srgbClr val="73BCB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Text Placeholder 30"/>
          <p:cNvSpPr>
            <a:spLocks noGrp="1"/>
          </p:cNvSpPr>
          <p:nvPr>
            <p:ph type="body" sz="quarter" idx="86"/>
          </p:nvPr>
        </p:nvSpPr>
        <p:spPr>
          <a:xfrm>
            <a:off x="837881" y="4122824"/>
            <a:ext cx="2976810" cy="665039"/>
          </a:xfrm>
          <a:prstGeom prst="rect">
            <a:avLst/>
          </a:prstGeom>
        </p:spPr>
        <p:txBody>
          <a:bodyPr tIns="9144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8" name="Oval 47"/>
          <p:cNvSpPr/>
          <p:nvPr userDrawn="1"/>
        </p:nvSpPr>
        <p:spPr>
          <a:xfrm>
            <a:off x="3418826" y="3771075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3</a:t>
            </a:r>
            <a:endParaRPr lang="en-US" sz="1400" dirty="0">
              <a:latin typeface="+mj-lt"/>
            </a:endParaRPr>
          </a:p>
        </p:txBody>
      </p:sp>
      <p:cxnSp>
        <p:nvCxnSpPr>
          <p:cNvPr id="49" name="Straight Arrow Connector 48"/>
          <p:cNvCxnSpPr/>
          <p:nvPr userDrawn="1"/>
        </p:nvCxnSpPr>
        <p:spPr>
          <a:xfrm flipH="1">
            <a:off x="837881" y="4122824"/>
            <a:ext cx="2871760" cy="0"/>
          </a:xfrm>
          <a:prstGeom prst="straightConnector1">
            <a:avLst/>
          </a:prstGeom>
          <a:ln w="12700">
            <a:solidFill>
              <a:srgbClr val="73BCB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xt Placeholder 30"/>
          <p:cNvSpPr>
            <a:spLocks noGrp="1"/>
          </p:cNvSpPr>
          <p:nvPr>
            <p:ph type="body" sz="quarter" idx="87"/>
          </p:nvPr>
        </p:nvSpPr>
        <p:spPr>
          <a:xfrm>
            <a:off x="6734270" y="1464348"/>
            <a:ext cx="1790907" cy="665039"/>
          </a:xfrm>
          <a:prstGeom prst="rect">
            <a:avLst/>
          </a:prstGeom>
        </p:spPr>
        <p:txBody>
          <a:bodyPr tIns="9144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4" name="Oval 53"/>
          <p:cNvSpPr/>
          <p:nvPr userDrawn="1"/>
        </p:nvSpPr>
        <p:spPr>
          <a:xfrm>
            <a:off x="6785749" y="1112600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4</a:t>
            </a:r>
            <a:endParaRPr lang="en-US" sz="1400" dirty="0">
              <a:latin typeface="+mj-lt"/>
            </a:endParaRPr>
          </a:p>
        </p:txBody>
      </p:sp>
      <p:cxnSp>
        <p:nvCxnSpPr>
          <p:cNvPr id="55" name="Straight Arrow Connector 54"/>
          <p:cNvCxnSpPr/>
          <p:nvPr userDrawn="1"/>
        </p:nvCxnSpPr>
        <p:spPr>
          <a:xfrm flipH="1">
            <a:off x="6836244" y="1442209"/>
            <a:ext cx="1698548" cy="0"/>
          </a:xfrm>
          <a:prstGeom prst="straightConnector1">
            <a:avLst/>
          </a:prstGeom>
          <a:ln w="12700">
            <a:solidFill>
              <a:srgbClr val="73BCB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Text Placeholder 30"/>
          <p:cNvSpPr>
            <a:spLocks noGrp="1"/>
          </p:cNvSpPr>
          <p:nvPr>
            <p:ph type="body" sz="quarter" idx="88"/>
          </p:nvPr>
        </p:nvSpPr>
        <p:spPr>
          <a:xfrm>
            <a:off x="6732240" y="3024052"/>
            <a:ext cx="1792937" cy="1490005"/>
          </a:xfrm>
          <a:prstGeom prst="rect">
            <a:avLst/>
          </a:prstGeom>
        </p:spPr>
        <p:txBody>
          <a:bodyPr tIns="9144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7" name="Oval 56"/>
          <p:cNvSpPr/>
          <p:nvPr userDrawn="1"/>
        </p:nvSpPr>
        <p:spPr>
          <a:xfrm>
            <a:off x="6785749" y="2672304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5</a:t>
            </a:r>
            <a:endParaRPr lang="en-US" sz="1400" dirty="0">
              <a:latin typeface="+mj-lt"/>
            </a:endParaRPr>
          </a:p>
        </p:txBody>
      </p:sp>
      <p:cxnSp>
        <p:nvCxnSpPr>
          <p:cNvPr id="58" name="Straight Arrow Connector 57"/>
          <p:cNvCxnSpPr/>
          <p:nvPr userDrawn="1"/>
        </p:nvCxnSpPr>
        <p:spPr>
          <a:xfrm flipH="1">
            <a:off x="6836244" y="3024052"/>
            <a:ext cx="1688933" cy="0"/>
          </a:xfrm>
          <a:prstGeom prst="straightConnector1">
            <a:avLst/>
          </a:prstGeom>
          <a:ln w="12700">
            <a:solidFill>
              <a:srgbClr val="73BCB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15566"/>
            <a:ext cx="3599032" cy="360040"/>
          </a:xfrm>
          <a:prstGeom prst="rect">
            <a:avLst/>
          </a:prstGeom>
        </p:spPr>
        <p:txBody>
          <a:bodyPr tIns="73152"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Phone + 5 TEXT CONTENT </a:t>
            </a:r>
          </a:p>
        </p:txBody>
      </p:sp>
      <p:sp>
        <p:nvSpPr>
          <p:cNvPr id="60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TREND FOR 2016</a:t>
            </a:r>
            <a:endParaRPr lang="en-US" dirty="0"/>
          </a:p>
        </p:txBody>
      </p:sp>
      <p:cxnSp>
        <p:nvCxnSpPr>
          <p:cNvPr id="61" name="Straight Connector 60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950960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25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50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875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75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75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75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10000"/>
                            </p:stCondLst>
                            <p:childTnLst>
                              <p:par>
                                <p:cTn id="6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75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75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75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30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animBg="1"/>
      <p:bldP spid="4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animBg="1"/>
      <p:bldP spid="50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animBg="1"/>
      <p:bldP spid="56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 animBg="1"/>
      <p:bldP spid="5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0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6444209" y="627534"/>
            <a:ext cx="2088231" cy="3240360"/>
          </a:xfrm>
          <a:prstGeom prst="rect">
            <a:avLst/>
          </a:prstGeom>
        </p:spPr>
        <p:txBody>
          <a:bodyPr tIns="182880" anchor="ctr"/>
          <a:lstStyle>
            <a:lvl1pPr marL="0" indent="0" algn="r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60" y="555527"/>
            <a:ext cx="5684657" cy="4104456"/>
          </a:xfrm>
          <a:prstGeom prst="rect">
            <a:avLst/>
          </a:prstGeom>
          <a:effectLst>
            <a:outerShdw blurRad="63500" dist="25400" dir="5400000" algn="t" rotWithShape="0">
              <a:prstClr val="black">
                <a:alpha val="21000"/>
              </a:prstClr>
            </a:outerShdw>
          </a:effectLst>
        </p:spPr>
      </p:pic>
      <p:sp>
        <p:nvSpPr>
          <p:cNvPr id="2" name="Rectangle 1"/>
          <p:cNvSpPr/>
          <p:nvPr userDrawn="1"/>
        </p:nvSpPr>
        <p:spPr>
          <a:xfrm>
            <a:off x="897603" y="789552"/>
            <a:ext cx="5112568" cy="29163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1041072" y="909167"/>
            <a:ext cx="2433919" cy="1590575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45"/>
          </p:nvPr>
        </p:nvSpPr>
        <p:spPr>
          <a:xfrm>
            <a:off x="2232827" y="2499743"/>
            <a:ext cx="1234440" cy="1088136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46"/>
          </p:nvPr>
        </p:nvSpPr>
        <p:spPr>
          <a:xfrm>
            <a:off x="4641083" y="2499742"/>
            <a:ext cx="1226671" cy="108673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462951" y="909166"/>
            <a:ext cx="2405194" cy="1590576"/>
          </a:xfrm>
          <a:prstGeom prst="rect">
            <a:avLst/>
          </a:prstGeom>
          <a:solidFill>
            <a:srgbClr val="73BCB1"/>
          </a:solidFill>
        </p:spPr>
        <p:txBody>
          <a:bodyPr tIns="137160"/>
          <a:lstStyle>
            <a:lvl1pPr marL="0" indent="0" algn="l">
              <a:buNone/>
              <a:defRPr sz="24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OCK UP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47"/>
          </p:nvPr>
        </p:nvSpPr>
        <p:spPr>
          <a:xfrm>
            <a:off x="1038090" y="2499742"/>
            <a:ext cx="1195207" cy="1086732"/>
          </a:xfrm>
          <a:prstGeom prst="rect">
            <a:avLst/>
          </a:prstGeom>
          <a:solidFill>
            <a:srgbClr val="F1F0F1"/>
          </a:solidFill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  <a:p>
            <a:r>
              <a:rPr lang="en-US" dirty="0" smtClean="0"/>
              <a:t>CONTENT 01</a:t>
            </a:r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48"/>
          </p:nvPr>
        </p:nvSpPr>
        <p:spPr>
          <a:xfrm>
            <a:off x="3465576" y="2499742"/>
            <a:ext cx="1179576" cy="1086732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  <a:p>
            <a:r>
              <a:rPr lang="en-US" dirty="0" smtClean="0"/>
              <a:t>CONTENT 02</a:t>
            </a:r>
          </a:p>
        </p:txBody>
      </p:sp>
    </p:spTree>
    <p:extLst>
      <p:ext uri="{BB962C8B-B14F-4D97-AF65-F5344CB8AC3E}">
        <p14:creationId xmlns:p14="http://schemas.microsoft.com/office/powerpoint/2010/main" val="37393864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250"/>
                            </p:stCondLst>
                            <p:childTnLst>
                              <p:par>
                                <p:cTn id="1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5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1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2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4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4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7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1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32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7" grpId="0" animBg="1"/>
      <p:bldP spid="10" grpId="0" animBg="1"/>
      <p:bldP spid="11" grpId="0" animBg="1"/>
      <p:bldP spid="12" grpId="0" animBg="1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>
        <p:tmplLst>
          <p:tmpl>
            <p:tnLst>
              <p:par>
                <p:cTn presetID="22" presetClass="entr" presetSubtype="4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animBg="1">
        <p:tmplLst>
          <p:tmpl>
            <p:tnLst>
              <p:par>
                <p:cTn presetID="22" presetClass="entr" presetSubtype="1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478788" y="699542"/>
            <a:ext cx="2884093" cy="1918796"/>
          </a:xfrm>
          <a:prstGeom prst="rect">
            <a:avLst/>
          </a:pr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 dirty="0"/>
          </a:p>
        </p:txBody>
      </p:sp>
      <p:sp>
        <p:nvSpPr>
          <p:cNvPr id="38" name="Rectangle 37"/>
          <p:cNvSpPr/>
          <p:nvPr userDrawn="1"/>
        </p:nvSpPr>
        <p:spPr>
          <a:xfrm>
            <a:off x="1478789" y="2708599"/>
            <a:ext cx="1405304" cy="920921"/>
          </a:xfrm>
          <a:prstGeom prst="rect">
            <a:avLst/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5935768" y="1701500"/>
            <a:ext cx="1407555" cy="916838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7200" b="1" spc="-15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75"/>
          </p:nvPr>
        </p:nvSpPr>
        <p:spPr>
          <a:xfrm>
            <a:off x="5842549" y="2820258"/>
            <a:ext cx="2990995" cy="809820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4447798" y="1695744"/>
            <a:ext cx="1394751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" name="Rectangle 1"/>
          <p:cNvSpPr/>
          <p:nvPr userDrawn="1"/>
        </p:nvSpPr>
        <p:spPr>
          <a:xfrm>
            <a:off x="4437246" y="2697938"/>
            <a:ext cx="1405304" cy="920921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85"/>
          </p:nvPr>
        </p:nvSpPr>
        <p:spPr>
          <a:xfrm>
            <a:off x="4447799" y="3698459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86"/>
          </p:nvPr>
        </p:nvSpPr>
        <p:spPr>
          <a:xfrm>
            <a:off x="5938020" y="3698459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87"/>
          </p:nvPr>
        </p:nvSpPr>
        <p:spPr>
          <a:xfrm>
            <a:off x="7428241" y="3698459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88" hasCustomPrompt="1"/>
          </p:nvPr>
        </p:nvSpPr>
        <p:spPr>
          <a:xfrm>
            <a:off x="5842549" y="2662048"/>
            <a:ext cx="2990995" cy="182880"/>
          </a:xfrm>
          <a:prstGeom prst="rect">
            <a:avLst/>
          </a:prstGeom>
        </p:spPr>
        <p:txBody>
          <a:bodyPr rIns="128016" anchor="ctr"/>
          <a:lstStyle>
            <a:lvl1pPr marL="0" indent="0" algn="l">
              <a:buNone/>
              <a:defRPr sz="105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TTLE</a:t>
            </a:r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89" hasCustomPrompt="1"/>
          </p:nvPr>
        </p:nvSpPr>
        <p:spPr>
          <a:xfrm>
            <a:off x="7361465" y="627534"/>
            <a:ext cx="1241703" cy="572305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4400" b="1" spc="-15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sp>
        <p:nvSpPr>
          <p:cNvPr id="31" name="Picture Placeholder 6"/>
          <p:cNvSpPr>
            <a:spLocks noGrp="1"/>
          </p:cNvSpPr>
          <p:nvPr>
            <p:ph type="pic" sz="quarter" idx="90"/>
          </p:nvPr>
        </p:nvSpPr>
        <p:spPr>
          <a:xfrm>
            <a:off x="5938020" y="699542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91"/>
          </p:nvPr>
        </p:nvSpPr>
        <p:spPr>
          <a:xfrm>
            <a:off x="7379836" y="1419729"/>
            <a:ext cx="1764164" cy="334151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92" hasCustomPrompt="1"/>
          </p:nvPr>
        </p:nvSpPr>
        <p:spPr>
          <a:xfrm>
            <a:off x="7379836" y="1199839"/>
            <a:ext cx="1764164" cy="227105"/>
          </a:xfrm>
          <a:prstGeom prst="rect">
            <a:avLst/>
          </a:prstGeom>
        </p:spPr>
        <p:txBody>
          <a:bodyPr rIns="128016"/>
          <a:lstStyle>
            <a:lvl1pPr marL="0" indent="0" algn="l">
              <a:buNone/>
              <a:defRPr sz="105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TTLE</a:t>
            </a:r>
            <a:endParaRPr lang="en-US" dirty="0"/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93" hasCustomPrompt="1"/>
          </p:nvPr>
        </p:nvSpPr>
        <p:spPr>
          <a:xfrm>
            <a:off x="2966330" y="2706926"/>
            <a:ext cx="1382694" cy="916838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7200" b="1" spc="-15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94"/>
          </p:nvPr>
        </p:nvSpPr>
        <p:spPr>
          <a:xfrm>
            <a:off x="-14737" y="2706926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1378043" y="3850768"/>
            <a:ext cx="2984838" cy="699097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1" name="Text Placeholder 27"/>
          <p:cNvSpPr>
            <a:spLocks noGrp="1"/>
          </p:cNvSpPr>
          <p:nvPr>
            <p:ph type="body" sz="quarter" idx="96" hasCustomPrompt="1"/>
          </p:nvPr>
        </p:nvSpPr>
        <p:spPr>
          <a:xfrm>
            <a:off x="1378043" y="3647884"/>
            <a:ext cx="2984839" cy="221884"/>
          </a:xfrm>
          <a:prstGeom prst="rect">
            <a:avLst/>
          </a:prstGeom>
        </p:spPr>
        <p:txBody>
          <a:bodyPr rIns="128016"/>
          <a:lstStyle>
            <a:lvl1pPr marL="0" indent="0" algn="l">
              <a:buNone/>
              <a:defRPr sz="105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TTLE</a:t>
            </a:r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1993738" y="1923678"/>
            <a:ext cx="2146214" cy="360040"/>
          </a:xfrm>
          <a:prstGeom prst="rect">
            <a:avLst/>
          </a:prstGeom>
        </p:spPr>
        <p:txBody>
          <a:bodyPr rIns="109728"/>
          <a:lstStyle>
            <a:lvl1pPr marL="0" indent="0" algn="r">
              <a:buNone/>
              <a:defRPr sz="1400" b="0" spc="0" baseline="0">
                <a:solidFill>
                  <a:srgbClr val="BDBDBD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ONTH 2014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1691679" y="1413246"/>
            <a:ext cx="2448272" cy="541868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4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HISTORY</a:t>
            </a:r>
            <a:endParaRPr lang="en-US" dirty="0"/>
          </a:p>
        </p:txBody>
      </p:sp>
      <p:sp>
        <p:nvSpPr>
          <p:cNvPr id="45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691680" y="1148518"/>
            <a:ext cx="2448272" cy="440540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24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HE </a:t>
            </a:r>
          </a:p>
        </p:txBody>
      </p:sp>
    </p:spTree>
    <p:extLst>
      <p:ext uri="{BB962C8B-B14F-4D97-AF65-F5344CB8AC3E}">
        <p14:creationId xmlns:p14="http://schemas.microsoft.com/office/powerpoint/2010/main" val="33326637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750"/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75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250"/>
                            </p:stCondLst>
                            <p:childTnLst>
                              <p:par>
                                <p:cTn id="16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0"/>
                            </p:stCondLst>
                            <p:childTnLst>
                              <p:par>
                                <p:cTn id="31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6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00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6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70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800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9000"/>
                            </p:stCondLst>
                            <p:childTnLst>
                              <p:par>
                                <p:cTn id="6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10000"/>
                            </p:stCondLst>
                            <p:childTnLst>
                              <p:par>
                                <p:cTn id="6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10750"/>
                            </p:stCondLst>
                            <p:childTnLst>
                              <p:par>
                                <p:cTn id="73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5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8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8" grpId="0" animBg="1"/>
      <p:bldP spid="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/>
      <p:bldP spid="2" grpId="0" animBg="1"/>
      <p:bldP spid="22" grpId="0" animBg="1"/>
      <p:bldP spid="27" grpId="0" animBg="1"/>
      <p:bldP spid="28" grpId="0" animBg="1"/>
      <p:bldP spid="29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animBg="1"/>
      <p:bldP spid="32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>
        <p:tmplLst>
          <p:tmpl>
            <p:tnLst>
              <p:par>
                <p:cTn presetID="22" presetClass="entr" presetSubtype="8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animBg="1"/>
      <p:bldP spid="40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59831" y="2070574"/>
            <a:ext cx="1901985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3" name="Straight Connector 2"/>
          <p:cNvCxnSpPr/>
          <p:nvPr userDrawn="1"/>
        </p:nvCxnSpPr>
        <p:spPr>
          <a:xfrm>
            <a:off x="3154680" y="2790654"/>
            <a:ext cx="1810512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 Placeholder 30"/>
          <p:cNvSpPr>
            <a:spLocks noGrp="1"/>
          </p:cNvSpPr>
          <p:nvPr>
            <p:ph type="body" sz="quarter" idx="75"/>
          </p:nvPr>
        </p:nvSpPr>
        <p:spPr>
          <a:xfrm>
            <a:off x="3059832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3160449" y="328029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76" hasCustomPrompt="1"/>
          </p:nvPr>
        </p:nvSpPr>
        <p:spPr>
          <a:xfrm>
            <a:off x="5086488" y="2067694"/>
            <a:ext cx="1900752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5187040" y="2787774"/>
            <a:ext cx="1810512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 Placeholder 30"/>
          <p:cNvSpPr>
            <a:spLocks noGrp="1"/>
          </p:cNvSpPr>
          <p:nvPr>
            <p:ph type="body" sz="quarter" idx="77"/>
          </p:nvPr>
        </p:nvSpPr>
        <p:spPr>
          <a:xfrm>
            <a:off x="5087585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78"/>
          </p:nvPr>
        </p:nvSpPr>
        <p:spPr>
          <a:xfrm>
            <a:off x="5187041" y="3277413"/>
            <a:ext cx="1800200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79" hasCustomPrompt="1"/>
          </p:nvPr>
        </p:nvSpPr>
        <p:spPr>
          <a:xfrm>
            <a:off x="7115813" y="2070574"/>
            <a:ext cx="1901985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24" name="Straight Connector 23"/>
          <p:cNvCxnSpPr/>
          <p:nvPr userDrawn="1"/>
        </p:nvCxnSpPr>
        <p:spPr>
          <a:xfrm>
            <a:off x="7205472" y="2790654"/>
            <a:ext cx="1810512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 Placeholder 30"/>
          <p:cNvSpPr>
            <a:spLocks noGrp="1"/>
          </p:cNvSpPr>
          <p:nvPr>
            <p:ph type="body" sz="quarter" idx="80"/>
          </p:nvPr>
        </p:nvSpPr>
        <p:spPr>
          <a:xfrm>
            <a:off x="7115814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81"/>
          </p:nvPr>
        </p:nvSpPr>
        <p:spPr>
          <a:xfrm>
            <a:off x="7216431" y="328029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323527" y="1707654"/>
            <a:ext cx="2736304" cy="360040"/>
          </a:xfrm>
          <a:prstGeom prst="rect">
            <a:avLst/>
          </a:prstGeom>
        </p:spPr>
        <p:txBody>
          <a:bodyPr rIns="128016"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ONTH 2014</a:t>
            </a:r>
            <a:endParaRPr lang="en-US" dirty="0"/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144015" y="1089209"/>
            <a:ext cx="3059832" cy="640080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48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HISTORY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44016" y="729169"/>
            <a:ext cx="3059832" cy="457200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3200" b="1" spc="-10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HE </a:t>
            </a:r>
          </a:p>
        </p:txBody>
      </p:sp>
    </p:spTree>
    <p:extLst>
      <p:ext uri="{BB962C8B-B14F-4D97-AF65-F5344CB8AC3E}">
        <p14:creationId xmlns:p14="http://schemas.microsoft.com/office/powerpoint/2010/main" val="14269656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0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2" presetClass="entr" presetSubtype="2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650" fill="hold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650" fill="hold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9" presetID="2" presetClass="entr" presetSubtype="2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6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6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3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65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65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7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65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65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3650"/>
                            </p:stCondLst>
                            <p:childTnLst>
                              <p:par>
                                <p:cTn id="32" presetID="2" presetClass="entr" presetSubtype="2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4" dur="650" fill="hold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5" dur="650" fill="hold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6" presetID="2" presetClass="entr" presetSubtype="2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8" dur="65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9" dur="65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0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2" dur="65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3" dur="65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4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6" dur="65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7" dur="65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050"/>
                            </p:stCondLst>
                            <p:childTnLst>
                              <p:par>
                                <p:cTn id="49" presetID="2" presetClass="entr" presetSubtype="2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1" dur="650" fill="hold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2" dur="650" fill="hold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3" presetID="2" presetClass="entr" presetSubtype="2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5" dur="65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6" dur="65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7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9" dur="650" fill="hold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0" dur="650" fill="hold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1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3" dur="65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4" dur="65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7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7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12" grpId="0">
        <p:tmplLst>
          <p:tmpl>
            <p:tnLst>
              <p:par>
                <p:cTn presetID="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12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12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13" grpId="0" animBg="1"/>
      <p:bldP spid="18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18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18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20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20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21" grpId="0" animBg="1"/>
      <p:bldP spid="23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23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23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25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25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26" grpId="0" animBg="1"/>
      <p:bldP spid="3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Text Placeholder 27"/>
          <p:cNvSpPr>
            <a:spLocks noGrp="1"/>
          </p:cNvSpPr>
          <p:nvPr>
            <p:ph type="body" sz="quarter" idx="76" hasCustomPrompt="1"/>
          </p:nvPr>
        </p:nvSpPr>
        <p:spPr>
          <a:xfrm>
            <a:off x="2026657" y="2070574"/>
            <a:ext cx="1925519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79" name="Straight Connector 78"/>
          <p:cNvCxnSpPr/>
          <p:nvPr userDrawn="1"/>
        </p:nvCxnSpPr>
        <p:spPr>
          <a:xfrm>
            <a:off x="2139696" y="2790654"/>
            <a:ext cx="1801368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Text Placeholder 30"/>
          <p:cNvSpPr>
            <a:spLocks noGrp="1"/>
          </p:cNvSpPr>
          <p:nvPr>
            <p:ph type="body" sz="quarter" idx="77"/>
          </p:nvPr>
        </p:nvSpPr>
        <p:spPr>
          <a:xfrm>
            <a:off x="2050192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1" name="Picture Placeholder 6"/>
          <p:cNvSpPr>
            <a:spLocks noGrp="1"/>
          </p:cNvSpPr>
          <p:nvPr>
            <p:ph type="pic" sz="quarter" idx="78"/>
          </p:nvPr>
        </p:nvSpPr>
        <p:spPr>
          <a:xfrm>
            <a:off x="2150809" y="328029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83" name="Text Placeholder 27"/>
          <p:cNvSpPr>
            <a:spLocks noGrp="1"/>
          </p:cNvSpPr>
          <p:nvPr>
            <p:ph type="body" sz="quarter" idx="79" hasCustomPrompt="1"/>
          </p:nvPr>
        </p:nvSpPr>
        <p:spPr>
          <a:xfrm>
            <a:off x="4076849" y="2067694"/>
            <a:ext cx="1900751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84" name="Straight Connector 83"/>
          <p:cNvCxnSpPr/>
          <p:nvPr userDrawn="1"/>
        </p:nvCxnSpPr>
        <p:spPr>
          <a:xfrm>
            <a:off x="4169664" y="2787774"/>
            <a:ext cx="1800200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Text Placeholder 30"/>
          <p:cNvSpPr>
            <a:spLocks noGrp="1"/>
          </p:cNvSpPr>
          <p:nvPr>
            <p:ph type="body" sz="quarter" idx="80"/>
          </p:nvPr>
        </p:nvSpPr>
        <p:spPr>
          <a:xfrm>
            <a:off x="4077945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6" name="Picture Placeholder 6"/>
          <p:cNvSpPr>
            <a:spLocks noGrp="1"/>
          </p:cNvSpPr>
          <p:nvPr>
            <p:ph type="pic" sz="quarter" idx="81"/>
          </p:nvPr>
        </p:nvSpPr>
        <p:spPr>
          <a:xfrm>
            <a:off x="4177401" y="3277413"/>
            <a:ext cx="1800200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88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6106174" y="2070574"/>
            <a:ext cx="1901984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89" name="Straight Connector 88"/>
          <p:cNvCxnSpPr/>
          <p:nvPr userDrawn="1"/>
        </p:nvCxnSpPr>
        <p:spPr>
          <a:xfrm>
            <a:off x="6199632" y="2790654"/>
            <a:ext cx="1801368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Text Placeholder 30"/>
          <p:cNvSpPr>
            <a:spLocks noGrp="1"/>
          </p:cNvSpPr>
          <p:nvPr>
            <p:ph type="body" sz="quarter" idx="83"/>
          </p:nvPr>
        </p:nvSpPr>
        <p:spPr>
          <a:xfrm>
            <a:off x="6106174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1" name="Picture Placeholder 6"/>
          <p:cNvSpPr>
            <a:spLocks noGrp="1"/>
          </p:cNvSpPr>
          <p:nvPr>
            <p:ph type="pic" sz="quarter" idx="84"/>
          </p:nvPr>
        </p:nvSpPr>
        <p:spPr>
          <a:xfrm>
            <a:off x="6206791" y="328029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3" name="Text Placeholder 27"/>
          <p:cNvSpPr>
            <a:spLocks noGrp="1"/>
          </p:cNvSpPr>
          <p:nvPr>
            <p:ph type="body" sz="quarter" idx="85" hasCustomPrompt="1"/>
          </p:nvPr>
        </p:nvSpPr>
        <p:spPr>
          <a:xfrm>
            <a:off x="0" y="2067694"/>
            <a:ext cx="1901984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94" name="Straight Connector 93"/>
          <p:cNvCxnSpPr/>
          <p:nvPr userDrawn="1"/>
        </p:nvCxnSpPr>
        <p:spPr>
          <a:xfrm>
            <a:off x="91440" y="2787774"/>
            <a:ext cx="1801368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Text Placeholder 30"/>
          <p:cNvSpPr>
            <a:spLocks noGrp="1"/>
          </p:cNvSpPr>
          <p:nvPr>
            <p:ph type="body" sz="quarter" idx="86"/>
          </p:nvPr>
        </p:nvSpPr>
        <p:spPr>
          <a:xfrm>
            <a:off x="0" y="281901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6" name="Picture Placeholder 6"/>
          <p:cNvSpPr>
            <a:spLocks noGrp="1"/>
          </p:cNvSpPr>
          <p:nvPr>
            <p:ph type="pic" sz="quarter" idx="87"/>
          </p:nvPr>
        </p:nvSpPr>
        <p:spPr>
          <a:xfrm>
            <a:off x="100617" y="327741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28110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650" fill="hold"/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650" fill="hold"/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65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65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65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65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65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65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650"/>
                            </p:stCondLst>
                            <p:childTnLst>
                              <p:par>
                                <p:cTn id="22" presetID="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4" dur="650" fill="hold"/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5" dur="650" fill="hold"/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6" presetID="2" presetClass="entr" presetSubtype="2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8" dur="65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9" dur="65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2" dur="65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3" dur="65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4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6" dur="65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7" dur="65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1800"/>
                            </p:stCondLst>
                            <p:childTnLst>
                              <p:par>
                                <p:cTn id="39" presetID="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1" dur="650" fill="hold"/>
                                        <p:tgtEl>
                                          <p:spTgt spid="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2" dur="650" fill="hold"/>
                                        <p:tgtEl>
                                          <p:spTgt spid="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3" presetID="2" presetClass="entr" presetSubtype="2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5" dur="65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6" dur="65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7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9" dur="65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0" dur="65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1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3" dur="65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4" dur="65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2950"/>
                            </p:stCondLst>
                            <p:childTnLst>
                              <p:par>
                                <p:cTn id="56" presetID="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8" dur="650" fill="hold"/>
                                        <p:tgtEl>
                                          <p:spTgt spid="8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9" dur="650" fill="hold"/>
                                        <p:tgtEl>
                                          <p:spTgt spid="8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0" presetID="2" presetClass="entr" presetSubtype="2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2" dur="65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3" dur="65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4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6" dur="650" fill="hold"/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7" dur="650" fill="hold"/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8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0" dur="6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1" dur="6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8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78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78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80" grpId="0">
        <p:tmplLst>
          <p:tmpl>
            <p:tnLst>
              <p:par>
                <p:cTn presetID="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80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80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81" grpId="0" animBg="1"/>
      <p:bldP spid="83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83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83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85" grpId="0">
        <p:tmplLst>
          <p:tmpl>
            <p:tnLst>
              <p:par>
                <p:cTn presetID="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85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85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86" grpId="0" animBg="1"/>
      <p:bldP spid="88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88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88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90" grpId="0" build="p">
        <p:tmplLst>
          <p:tmpl lvl="1">
            <p:tnLst>
              <p:par>
                <p:cTn presetID="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90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90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91" grpId="0" animBg="1"/>
      <p:bldP spid="93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93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93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95" grpId="0">
        <p:tmplLst>
          <p:tmpl>
            <p:tnLst>
              <p:par>
                <p:cTn presetID="2" presetClass="entr" presetSubtype="2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95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95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96" grpId="0" animBg="1"/>
    </p:bldLst>
  </p:timing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ent Arrow 2"/>
          <p:cNvSpPr/>
          <p:nvPr userDrawn="1"/>
        </p:nvSpPr>
        <p:spPr>
          <a:xfrm rot="10800000">
            <a:off x="4672800" y="3264232"/>
            <a:ext cx="145007" cy="876596"/>
          </a:xfrm>
          <a:prstGeom prst="bentArrow">
            <a:avLst>
              <a:gd name="adj1" fmla="val 25000"/>
              <a:gd name="adj2" fmla="val 5019"/>
              <a:gd name="adj3" fmla="val 1965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4" name="Bent Arrow 3"/>
          <p:cNvSpPr/>
          <p:nvPr userDrawn="1"/>
        </p:nvSpPr>
        <p:spPr>
          <a:xfrm>
            <a:off x="5425200" y="1879324"/>
            <a:ext cx="408204" cy="1240835"/>
          </a:xfrm>
          <a:prstGeom prst="bentArrow">
            <a:avLst>
              <a:gd name="adj1" fmla="val 25000"/>
              <a:gd name="adj2" fmla="val 2358"/>
              <a:gd name="adj3" fmla="val 1965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5" name="Bent Arrow 4"/>
          <p:cNvSpPr/>
          <p:nvPr userDrawn="1"/>
        </p:nvSpPr>
        <p:spPr>
          <a:xfrm rot="5400000" flipH="1" flipV="1">
            <a:off x="6235099" y="3437826"/>
            <a:ext cx="632565" cy="227570"/>
          </a:xfrm>
          <a:prstGeom prst="bentArrow">
            <a:avLst>
              <a:gd name="adj1" fmla="val 25000"/>
              <a:gd name="adj2" fmla="val 3832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6" name="Bent Arrow 5"/>
          <p:cNvSpPr/>
          <p:nvPr userDrawn="1"/>
        </p:nvSpPr>
        <p:spPr>
          <a:xfrm flipH="1">
            <a:off x="3499200" y="1839846"/>
            <a:ext cx="216000" cy="1240835"/>
          </a:xfrm>
          <a:prstGeom prst="bentArrow">
            <a:avLst>
              <a:gd name="adj1" fmla="val 25000"/>
              <a:gd name="adj2" fmla="val 3832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9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192" hasCustomPrompt="1"/>
          </p:nvPr>
        </p:nvSpPr>
        <p:spPr>
          <a:xfrm>
            <a:off x="3851920" y="483518"/>
            <a:ext cx="427169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NY HISTORY</a:t>
            </a:r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val 9"/>
          <p:cNvSpPr/>
          <p:nvPr userDrawn="1"/>
        </p:nvSpPr>
        <p:spPr>
          <a:xfrm>
            <a:off x="5701531" y="1811676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85" hasCustomPrompt="1"/>
          </p:nvPr>
        </p:nvSpPr>
        <p:spPr>
          <a:xfrm>
            <a:off x="5763203" y="1888274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189"/>
          </p:nvPr>
        </p:nvSpPr>
        <p:spPr>
          <a:xfrm>
            <a:off x="6475207" y="2137680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90" hasCustomPrompt="1"/>
          </p:nvPr>
        </p:nvSpPr>
        <p:spPr>
          <a:xfrm>
            <a:off x="6475207" y="1883684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l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14" name="Isosceles Triangle 13"/>
          <p:cNvSpPr/>
          <p:nvPr userDrawn="1"/>
        </p:nvSpPr>
        <p:spPr>
          <a:xfrm>
            <a:off x="5364080" y="3056513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5" name="Oval 14"/>
          <p:cNvSpPr/>
          <p:nvPr userDrawn="1"/>
        </p:nvSpPr>
        <p:spPr>
          <a:xfrm>
            <a:off x="3999966" y="3755892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4061638" y="3832490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94"/>
          </p:nvPr>
        </p:nvSpPr>
        <p:spPr>
          <a:xfrm>
            <a:off x="2555768" y="4066581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95" hasCustomPrompt="1"/>
          </p:nvPr>
        </p:nvSpPr>
        <p:spPr>
          <a:xfrm>
            <a:off x="2555768" y="3812585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r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19" name="Isosceles Triangle 18"/>
          <p:cNvSpPr/>
          <p:nvPr userDrawn="1"/>
        </p:nvSpPr>
        <p:spPr>
          <a:xfrm flipV="1">
            <a:off x="4739879" y="3210232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0" name="Rounded Rectangle 19"/>
          <p:cNvSpPr/>
          <p:nvPr userDrawn="1"/>
        </p:nvSpPr>
        <p:spPr>
          <a:xfrm>
            <a:off x="2123720" y="3164513"/>
            <a:ext cx="7128800" cy="45719"/>
          </a:xfrm>
          <a:prstGeom prst="roundRect">
            <a:avLst>
              <a:gd name="adj" fmla="val 50000"/>
            </a:avLst>
          </a:prstGeom>
          <a:solidFill>
            <a:srgbClr val="968C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1" name="Isosceles Triangle 20"/>
          <p:cNvSpPr/>
          <p:nvPr userDrawn="1"/>
        </p:nvSpPr>
        <p:spPr>
          <a:xfrm>
            <a:off x="3635904" y="3056513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2" name="Oval 21"/>
          <p:cNvSpPr/>
          <p:nvPr userDrawn="1"/>
        </p:nvSpPr>
        <p:spPr>
          <a:xfrm>
            <a:off x="2803814" y="1495397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2865486" y="1571995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97"/>
          </p:nvPr>
        </p:nvSpPr>
        <p:spPr>
          <a:xfrm>
            <a:off x="1359616" y="1806086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98" hasCustomPrompt="1"/>
          </p:nvPr>
        </p:nvSpPr>
        <p:spPr>
          <a:xfrm>
            <a:off x="1359616" y="1552090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r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26" name="Isosceles Triangle 25"/>
          <p:cNvSpPr/>
          <p:nvPr userDrawn="1"/>
        </p:nvSpPr>
        <p:spPr>
          <a:xfrm flipV="1">
            <a:off x="6372200" y="3210232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7" name="Oval 26"/>
          <p:cNvSpPr/>
          <p:nvPr userDrawn="1"/>
        </p:nvSpPr>
        <p:spPr>
          <a:xfrm>
            <a:off x="6674606" y="3435846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99" hasCustomPrompt="1"/>
          </p:nvPr>
        </p:nvSpPr>
        <p:spPr>
          <a:xfrm>
            <a:off x="6736278" y="3512444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200"/>
          </p:nvPr>
        </p:nvSpPr>
        <p:spPr>
          <a:xfrm>
            <a:off x="7448282" y="3761850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201" hasCustomPrompt="1"/>
          </p:nvPr>
        </p:nvSpPr>
        <p:spPr>
          <a:xfrm>
            <a:off x="7448282" y="3507854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l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31" name="Teardrop 30"/>
          <p:cNvSpPr/>
          <p:nvPr userDrawn="1"/>
        </p:nvSpPr>
        <p:spPr>
          <a:xfrm rot="8100000">
            <a:off x="1619663" y="2899340"/>
            <a:ext cx="576064" cy="576064"/>
          </a:xfrm>
          <a:prstGeom prst="teardrop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205" hasCustomPrompt="1"/>
          </p:nvPr>
        </p:nvSpPr>
        <p:spPr>
          <a:xfrm>
            <a:off x="1647096" y="3108950"/>
            <a:ext cx="548640" cy="182880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ctr"/>
          <a:lstStyle>
            <a:lvl1pPr marL="0" indent="0" algn="ctr">
              <a:lnSpc>
                <a:spcPct val="70000"/>
              </a:lnSpc>
              <a:buNone/>
              <a:defRPr sz="1200" b="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1</a:t>
            </a:r>
          </a:p>
        </p:txBody>
      </p:sp>
    </p:spTree>
    <p:extLst>
      <p:ext uri="{BB962C8B-B14F-4D97-AF65-F5344CB8AC3E}">
        <p14:creationId xmlns:p14="http://schemas.microsoft.com/office/powerpoint/2010/main" val="17225208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250"/>
                            </p:stCondLst>
                            <p:childTnLst>
                              <p:par>
                                <p:cTn id="31" presetID="18" presetClass="entr" presetSubtype="9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33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0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500"/>
                            </p:stCondLst>
                            <p:childTnLst>
                              <p:par>
                                <p:cTn id="42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4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2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4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25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750"/>
                            </p:stCondLst>
                            <p:childTnLst>
                              <p:par>
                                <p:cTn id="53" presetID="18" presetClass="entr" presetSubtype="1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55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8500"/>
                            </p:stCondLst>
                            <p:childTnLst>
                              <p:par>
                                <p:cTn id="5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9000"/>
                            </p:stCondLst>
                            <p:childTnLst>
                              <p:par>
                                <p:cTn id="64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22" presetClass="entr" presetSubtype="2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6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9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9750"/>
                            </p:stCondLst>
                            <p:childTnLst>
                              <p:par>
                                <p:cTn id="7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0250"/>
                            </p:stCondLst>
                            <p:childTnLst>
                              <p:par>
                                <p:cTn id="75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7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11000"/>
                            </p:stCondLst>
                            <p:childTnLst>
                              <p:par>
                                <p:cTn id="7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11500"/>
                            </p:stCondLst>
                            <p:childTnLst>
                              <p:par>
                                <p:cTn id="86" presetID="22" presetClass="entr" presetSubtype="8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8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1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12250"/>
                            </p:stCondLst>
                            <p:childTnLst>
                              <p:par>
                                <p:cTn id="9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12750"/>
                            </p:stCondLst>
                            <p:childTnLst>
                              <p:par>
                                <p:cTn id="97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99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13500"/>
                            </p:stCondLst>
                            <p:childTnLst>
                              <p:par>
                                <p:cTn id="10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7" fill="hold">
                            <p:stCondLst>
                              <p:cond delay="14000"/>
                            </p:stCondLst>
                            <p:childTnLst>
                              <p:par>
                                <p:cTn id="108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1" presetID="22" presetClass="entr" presetSubtype="8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11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 animBg="1"/>
      <p:bldP spid="6" grpId="0" animBg="1"/>
      <p:bldP spid="7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/>
      <p:bldP spid="11" grpId="0"/>
      <p:bldP spid="12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/>
      <p:bldP spid="15" grpId="0" animBg="1"/>
      <p:bldP spid="16" grpId="0"/>
      <p:bldP spid="17" grpId="0">
        <p:tmplLst>
          <p:tmpl>
            <p:tnLst>
              <p:par>
                <p:cTn presetID="22" presetClass="entr" presetSubtype="2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22" presetClass="entr" presetSubtype="2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/>
      <p:bldP spid="20" grpId="0" animBg="1"/>
      <p:bldP spid="21" grpId="0" animBg="1"/>
      <p:bldP spid="22" grpId="0" animBg="1"/>
      <p:bldP spid="23" grpId="0"/>
      <p:bldP spid="24" grpId="0">
        <p:tmplLst>
          <p:tmpl>
            <p:tnLst>
              <p:par>
                <p:cTn presetID="22" presetClass="entr" presetSubtype="2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22" presetClass="entr" presetSubtype="2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animBg="1"/>
      <p:bldP spid="27" grpId="0" animBg="1"/>
      <p:bldP spid="28" grpId="0"/>
      <p:bldP spid="29" grpId="0">
        <p:tmplLst>
          <p:tmpl>
            <p:tnLst>
              <p:par>
                <p:cTn presetID="22" presetClass="entr" presetSubtype="8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22" presetClass="entr" presetSubtype="8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animBg="1"/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 userDrawn="1"/>
        </p:nvGrpSpPr>
        <p:grpSpPr>
          <a:xfrm>
            <a:off x="5843016" y="3504860"/>
            <a:ext cx="2837941" cy="868670"/>
            <a:chOff x="5843016" y="3504860"/>
            <a:chExt cx="2837941" cy="868670"/>
          </a:xfrm>
        </p:grpSpPr>
        <p:sp>
          <p:nvSpPr>
            <p:cNvPr id="23" name="Rectangular Callout 22"/>
            <p:cNvSpPr/>
            <p:nvPr userDrawn="1"/>
          </p:nvSpPr>
          <p:spPr>
            <a:xfrm>
              <a:off x="5940152" y="3504860"/>
              <a:ext cx="2740805" cy="868670"/>
            </a:xfrm>
            <a:prstGeom prst="wedgeRectCallout">
              <a:avLst>
                <a:gd name="adj1" fmla="val 30127"/>
                <a:gd name="adj2" fmla="val 46532"/>
              </a:avLst>
            </a:prstGeom>
            <a:solidFill>
              <a:srgbClr val="D4CFC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" name="Right Triangle 3"/>
            <p:cNvSpPr/>
            <p:nvPr userDrawn="1"/>
          </p:nvSpPr>
          <p:spPr>
            <a:xfrm rot="2469014">
              <a:off x="5843016" y="3621024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solidFill>
              <a:srgbClr val="D4CFC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5" name="Group 4"/>
          <p:cNvGrpSpPr/>
          <p:nvPr userDrawn="1"/>
        </p:nvGrpSpPr>
        <p:grpSpPr>
          <a:xfrm>
            <a:off x="1115547" y="627534"/>
            <a:ext cx="3024405" cy="1321534"/>
            <a:chOff x="1115547" y="627534"/>
            <a:chExt cx="3024405" cy="1321534"/>
          </a:xfrm>
        </p:grpSpPr>
        <p:sp>
          <p:nvSpPr>
            <p:cNvPr id="21" name="Right Triangle 3"/>
            <p:cNvSpPr/>
            <p:nvPr userDrawn="1"/>
          </p:nvSpPr>
          <p:spPr>
            <a:xfrm rot="2469014">
              <a:off x="1115547" y="769864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7" name="Rectangular Callout 26"/>
            <p:cNvSpPr/>
            <p:nvPr userDrawn="1"/>
          </p:nvSpPr>
          <p:spPr>
            <a:xfrm>
              <a:off x="1207008" y="627534"/>
              <a:ext cx="2932944" cy="1321534"/>
            </a:xfrm>
            <a:prstGeom prst="wedgeRectCallout">
              <a:avLst>
                <a:gd name="adj1" fmla="val -21844"/>
                <a:gd name="adj2" fmla="val 49650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6" name="Group 5"/>
          <p:cNvGrpSpPr/>
          <p:nvPr userDrawn="1"/>
        </p:nvGrpSpPr>
        <p:grpSpPr>
          <a:xfrm>
            <a:off x="5148064" y="759574"/>
            <a:ext cx="2850191" cy="2100208"/>
            <a:chOff x="5148064" y="759574"/>
            <a:chExt cx="2850191" cy="2100208"/>
          </a:xfrm>
          <a:solidFill>
            <a:srgbClr val="88C6BD"/>
          </a:solidFill>
        </p:grpSpPr>
        <p:sp>
          <p:nvSpPr>
            <p:cNvPr id="22" name="Right Triangle 3"/>
            <p:cNvSpPr/>
            <p:nvPr userDrawn="1"/>
          </p:nvSpPr>
          <p:spPr>
            <a:xfrm rot="13089176">
              <a:off x="7452916" y="905834"/>
              <a:ext cx="545339" cy="581476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" name="Rectangular Callout 1"/>
            <p:cNvSpPr/>
            <p:nvPr userDrawn="1"/>
          </p:nvSpPr>
          <p:spPr>
            <a:xfrm>
              <a:off x="5148064" y="759574"/>
              <a:ext cx="2740805" cy="2100208"/>
            </a:xfrm>
            <a:prstGeom prst="wedgeRectCallout">
              <a:avLst>
                <a:gd name="adj1" fmla="val 21588"/>
                <a:gd name="adj2" fmla="val 50152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31" name="Text Placeholder 30"/>
          <p:cNvSpPr>
            <a:spLocks noGrp="1"/>
          </p:cNvSpPr>
          <p:nvPr>
            <p:ph type="body" sz="quarter" idx="65" hasCustomPrompt="1"/>
          </p:nvPr>
        </p:nvSpPr>
        <p:spPr>
          <a:xfrm>
            <a:off x="5276088" y="799503"/>
            <a:ext cx="2532888" cy="206027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66" hasCustomPrompt="1"/>
          </p:nvPr>
        </p:nvSpPr>
        <p:spPr>
          <a:xfrm>
            <a:off x="6012159" y="3538910"/>
            <a:ext cx="2592289" cy="83461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67" hasCustomPrompt="1"/>
          </p:nvPr>
        </p:nvSpPr>
        <p:spPr>
          <a:xfrm>
            <a:off x="1331640" y="627534"/>
            <a:ext cx="2736304" cy="1321534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4" name="Picture Placeholder 15"/>
          <p:cNvSpPr>
            <a:spLocks noGrp="1"/>
          </p:cNvSpPr>
          <p:nvPr>
            <p:ph type="pic" sz="quarter" idx="76" hasCustomPrompt="1"/>
          </p:nvPr>
        </p:nvSpPr>
        <p:spPr>
          <a:xfrm>
            <a:off x="536508" y="627534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15" name="Picture Placeholder 15"/>
          <p:cNvSpPr>
            <a:spLocks noGrp="1"/>
          </p:cNvSpPr>
          <p:nvPr>
            <p:ph type="pic" sz="quarter" idx="77" hasCustomPrompt="1"/>
          </p:nvPr>
        </p:nvSpPr>
        <p:spPr>
          <a:xfrm>
            <a:off x="8060866" y="759574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16" name="Picture Placeholder 15"/>
          <p:cNvSpPr>
            <a:spLocks noGrp="1"/>
          </p:cNvSpPr>
          <p:nvPr>
            <p:ph type="pic" sz="quarter" idx="78" hasCustomPrompt="1"/>
          </p:nvPr>
        </p:nvSpPr>
        <p:spPr>
          <a:xfrm>
            <a:off x="5213265" y="3525931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17" name="Picture Placeholder 15"/>
          <p:cNvSpPr>
            <a:spLocks noGrp="1"/>
          </p:cNvSpPr>
          <p:nvPr>
            <p:ph type="pic" sz="quarter" idx="79" hasCustomPrompt="1"/>
          </p:nvPr>
        </p:nvSpPr>
        <p:spPr>
          <a:xfrm>
            <a:off x="801004" y="2463572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1413939" y="2459736"/>
            <a:ext cx="3174328" cy="2158350"/>
            <a:chOff x="1413939" y="2459736"/>
            <a:chExt cx="3174328" cy="2158350"/>
          </a:xfrm>
        </p:grpSpPr>
        <p:sp>
          <p:nvSpPr>
            <p:cNvPr id="25" name="Rectangular Callout 24"/>
            <p:cNvSpPr/>
            <p:nvPr userDrawn="1"/>
          </p:nvSpPr>
          <p:spPr>
            <a:xfrm>
              <a:off x="1536192" y="2459736"/>
              <a:ext cx="3052075" cy="2158350"/>
            </a:xfrm>
            <a:prstGeom prst="wedgeRectCallout">
              <a:avLst>
                <a:gd name="adj1" fmla="val -25863"/>
                <a:gd name="adj2" fmla="val 49176"/>
              </a:avLst>
            </a:prstGeom>
            <a:no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" name="Right Triangle 3"/>
            <p:cNvSpPr/>
            <p:nvPr userDrawn="1"/>
          </p:nvSpPr>
          <p:spPr>
            <a:xfrm rot="2469014">
              <a:off x="1413939" y="2618992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solidFill>
              <a:srgbClr val="F1F0F1"/>
            </a:solidFill>
            <a:ln>
              <a:solidFill>
                <a:srgbClr val="BFBFB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" name="Rectangle 2"/>
            <p:cNvSpPr/>
            <p:nvPr userDrawn="1"/>
          </p:nvSpPr>
          <p:spPr>
            <a:xfrm>
              <a:off x="1548000" y="2466000"/>
              <a:ext cx="3034800" cy="2149200"/>
            </a:xfrm>
            <a:prstGeom prst="rect">
              <a:avLst/>
            </a:prstGeom>
            <a:solidFill>
              <a:srgbClr val="F2F2F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42" name="Text Placeholder 30"/>
          <p:cNvSpPr>
            <a:spLocks noGrp="1"/>
          </p:cNvSpPr>
          <p:nvPr>
            <p:ph type="body" sz="quarter" idx="68" hasCustomPrompt="1"/>
          </p:nvPr>
        </p:nvSpPr>
        <p:spPr>
          <a:xfrm>
            <a:off x="1664208" y="2459316"/>
            <a:ext cx="2825496" cy="2133231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</p:spTree>
    <p:extLst>
      <p:ext uri="{BB962C8B-B14F-4D97-AF65-F5344CB8AC3E}">
        <p14:creationId xmlns:p14="http://schemas.microsoft.com/office/powerpoint/2010/main" val="4459624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750"/>
                                        <p:tgtEl>
                                          <p:spTgt spid="4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750"/>
                            </p:stCondLst>
                            <p:childTnLst>
                              <p:par>
                                <p:cTn id="15" presetID="10" presetClass="entr" presetSubtype="0" fill="hold" grpId="0" nodeType="after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2" fill="hold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0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2" fill="hold" grpId="0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3" dur="75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85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8" fill="hold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0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22" presetClass="entr" presetSubtype="8" fill="hold" grpId="0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3" dur="750"/>
                                        <p:tgtEl>
                                          <p:spTgt spid="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29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8" fill="hold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0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22" presetClass="entr" presetSubtype="8" fill="hold" grpId="0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75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1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3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3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/>
      <p:bldP spid="15" grpId="0"/>
      <p:bldP spid="16" grpId="0"/>
      <p:bldP spid="17" grpId="0"/>
      <p:bldP spid="42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3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ent Arrow 2"/>
          <p:cNvSpPr/>
          <p:nvPr userDrawn="1"/>
        </p:nvSpPr>
        <p:spPr>
          <a:xfrm>
            <a:off x="891167" y="1635646"/>
            <a:ext cx="194515" cy="1474867"/>
          </a:xfrm>
          <a:prstGeom prst="bentArrow">
            <a:avLst>
              <a:gd name="adj1" fmla="val 7968"/>
              <a:gd name="adj2" fmla="val 15537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4" name="Bent Arrow 3"/>
          <p:cNvSpPr/>
          <p:nvPr userDrawn="1"/>
        </p:nvSpPr>
        <p:spPr>
          <a:xfrm rot="5400000" flipH="1" flipV="1">
            <a:off x="4200721" y="3486248"/>
            <a:ext cx="616405" cy="227570"/>
          </a:xfrm>
          <a:prstGeom prst="bentArrow">
            <a:avLst>
              <a:gd name="adj1" fmla="val 7664"/>
              <a:gd name="adj2" fmla="val 17582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5" name="Bent Arrow 4"/>
          <p:cNvSpPr/>
          <p:nvPr userDrawn="1"/>
        </p:nvSpPr>
        <p:spPr>
          <a:xfrm flipH="1">
            <a:off x="5490000" y="1896763"/>
            <a:ext cx="216000" cy="1240835"/>
          </a:xfrm>
          <a:prstGeom prst="bentArrow">
            <a:avLst>
              <a:gd name="adj1" fmla="val 25000"/>
              <a:gd name="adj2" fmla="val 3832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6" name="Bent Arrow 5"/>
          <p:cNvSpPr/>
          <p:nvPr userDrawn="1"/>
        </p:nvSpPr>
        <p:spPr>
          <a:xfrm rot="10800000">
            <a:off x="3384316" y="3267272"/>
            <a:ext cx="145007" cy="876596"/>
          </a:xfrm>
          <a:prstGeom prst="bentArrow">
            <a:avLst>
              <a:gd name="adj1" fmla="val 25000"/>
              <a:gd name="adj2" fmla="val 5019"/>
              <a:gd name="adj3" fmla="val 1965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7" name="Isosceles Triangle 6"/>
          <p:cNvSpPr/>
          <p:nvPr userDrawn="1"/>
        </p:nvSpPr>
        <p:spPr>
          <a:xfrm>
            <a:off x="5626800" y="3056513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8" name="Oval 7"/>
          <p:cNvSpPr/>
          <p:nvPr userDrawn="1"/>
        </p:nvSpPr>
        <p:spPr>
          <a:xfrm>
            <a:off x="2703830" y="3755892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2765502" y="3832490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94"/>
          </p:nvPr>
        </p:nvSpPr>
        <p:spPr>
          <a:xfrm>
            <a:off x="1259632" y="4066581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95" hasCustomPrompt="1"/>
          </p:nvPr>
        </p:nvSpPr>
        <p:spPr>
          <a:xfrm>
            <a:off x="1259632" y="3812585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r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12" name="Isosceles Triangle 11"/>
          <p:cNvSpPr/>
          <p:nvPr userDrawn="1"/>
        </p:nvSpPr>
        <p:spPr>
          <a:xfrm flipV="1">
            <a:off x="3448614" y="3210232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3" name="Isosceles Triangle 12"/>
          <p:cNvSpPr/>
          <p:nvPr userDrawn="1"/>
        </p:nvSpPr>
        <p:spPr>
          <a:xfrm>
            <a:off x="827592" y="3056513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4" name="Isosceles Triangle 13"/>
          <p:cNvSpPr/>
          <p:nvPr userDrawn="1"/>
        </p:nvSpPr>
        <p:spPr>
          <a:xfrm flipV="1">
            <a:off x="4363200" y="3210232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5" name="Oval 14"/>
          <p:cNvSpPr/>
          <p:nvPr userDrawn="1"/>
        </p:nvSpPr>
        <p:spPr>
          <a:xfrm>
            <a:off x="4590412" y="3435846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199" hasCustomPrompt="1"/>
          </p:nvPr>
        </p:nvSpPr>
        <p:spPr>
          <a:xfrm>
            <a:off x="4652084" y="3512444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200"/>
          </p:nvPr>
        </p:nvSpPr>
        <p:spPr>
          <a:xfrm>
            <a:off x="5364088" y="3761850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201" hasCustomPrompt="1"/>
          </p:nvPr>
        </p:nvSpPr>
        <p:spPr>
          <a:xfrm>
            <a:off x="5364088" y="3507854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l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19" name="Rounded Rectangle 18"/>
          <p:cNvSpPr/>
          <p:nvPr userDrawn="1"/>
        </p:nvSpPr>
        <p:spPr>
          <a:xfrm>
            <a:off x="-28489" y="3164513"/>
            <a:ext cx="7132320" cy="45719"/>
          </a:xfrm>
          <a:prstGeom prst="roundRect">
            <a:avLst>
              <a:gd name="adj" fmla="val 50000"/>
            </a:avLst>
          </a:prstGeom>
          <a:solidFill>
            <a:srgbClr val="968C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0" name="Teardrop 19"/>
          <p:cNvSpPr/>
          <p:nvPr userDrawn="1"/>
        </p:nvSpPr>
        <p:spPr>
          <a:xfrm rot="8100000">
            <a:off x="7066895" y="2899341"/>
            <a:ext cx="576064" cy="576064"/>
          </a:xfrm>
          <a:prstGeom prst="teardrop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1" name="Oval 20"/>
          <p:cNvSpPr/>
          <p:nvPr userDrawn="1"/>
        </p:nvSpPr>
        <p:spPr>
          <a:xfrm>
            <a:off x="1062020" y="1419622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1123692" y="1496220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Text Placeholder 30"/>
          <p:cNvSpPr>
            <a:spLocks noGrp="1"/>
          </p:cNvSpPr>
          <p:nvPr>
            <p:ph type="body" sz="quarter" idx="203"/>
          </p:nvPr>
        </p:nvSpPr>
        <p:spPr>
          <a:xfrm>
            <a:off x="1835696" y="1745626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204" hasCustomPrompt="1"/>
          </p:nvPr>
        </p:nvSpPr>
        <p:spPr>
          <a:xfrm>
            <a:off x="1835696" y="1491630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l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25" name="Oval 24"/>
          <p:cNvSpPr/>
          <p:nvPr userDrawn="1"/>
        </p:nvSpPr>
        <p:spPr>
          <a:xfrm>
            <a:off x="4862177" y="1782737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4923849" y="1859335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197"/>
          </p:nvPr>
        </p:nvSpPr>
        <p:spPr>
          <a:xfrm>
            <a:off x="3417979" y="2093426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198" hasCustomPrompt="1"/>
          </p:nvPr>
        </p:nvSpPr>
        <p:spPr>
          <a:xfrm>
            <a:off x="3417979" y="1839430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r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205" hasCustomPrompt="1"/>
          </p:nvPr>
        </p:nvSpPr>
        <p:spPr>
          <a:xfrm>
            <a:off x="7092280" y="3108950"/>
            <a:ext cx="548640" cy="182880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ctr"/>
          <a:lstStyle>
            <a:lvl1pPr marL="0" indent="0" algn="ctr">
              <a:lnSpc>
                <a:spcPct val="70000"/>
              </a:lnSpc>
              <a:buNone/>
              <a:defRPr sz="1200" b="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</p:spTree>
    <p:extLst>
      <p:ext uri="{BB962C8B-B14F-4D97-AF65-F5344CB8AC3E}">
        <p14:creationId xmlns:p14="http://schemas.microsoft.com/office/powerpoint/2010/main" val="3571191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00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2000"/>
                            </p:stCondLst>
                            <p:childTnLst>
                              <p:par>
                                <p:cTn id="20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22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27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3250"/>
                            </p:stCondLst>
                            <p:childTnLst>
                              <p:par>
                                <p:cTn id="31" presetID="22" presetClass="entr" presetSubtype="8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3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3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400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4500"/>
                            </p:stCondLst>
                            <p:childTnLst>
                              <p:par>
                                <p:cTn id="42" presetID="18" presetClass="entr" presetSubtype="1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4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25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750"/>
                            </p:stCondLst>
                            <p:childTnLst>
                              <p:par>
                                <p:cTn id="53" presetID="22" presetClass="entr" presetSubtype="2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5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5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22" presetClass="entr" presetSubtype="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58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6500"/>
                            </p:stCondLst>
                            <p:childTnLst>
                              <p:par>
                                <p:cTn id="6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7000"/>
                            </p:stCondLst>
                            <p:childTnLst>
                              <p:par>
                                <p:cTn id="64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66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77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8250"/>
                            </p:stCondLst>
                            <p:childTnLst>
                              <p:par>
                                <p:cTn id="75" presetID="22" presetClass="entr" presetSubtype="8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7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9000"/>
                            </p:stCondLst>
                            <p:childTnLst>
                              <p:par>
                                <p:cTn id="8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9500"/>
                            </p:stCondLst>
                            <p:childTnLst>
                              <p:par>
                                <p:cTn id="86" presetID="18" presetClass="entr" presetSubtype="9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88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9" fill="hold">
                            <p:stCondLst>
                              <p:cond delay="10250"/>
                            </p:stCondLst>
                            <p:childTnLst>
                              <p:par>
                                <p:cTn id="9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11000"/>
                            </p:stCondLst>
                            <p:childTnLst>
                              <p:par>
                                <p:cTn id="97" presetID="22" presetClass="entr" presetSubtype="2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9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9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22" presetClass="entr" presetSubtype="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2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 animBg="1"/>
      <p:bldP spid="6" grpId="0" animBg="1"/>
      <p:bldP spid="7" grpId="0" animBg="1"/>
      <p:bldP spid="8" grpId="0" animBg="1"/>
      <p:bldP spid="9" grpId="0"/>
      <p:bldP spid="10" grpId="0">
        <p:tmplLst>
          <p:tmpl>
            <p:tnLst>
              <p:par>
                <p:cTn presetID="22" presetClass="entr" presetSubtype="2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>
        <p:tmplLst>
          <p:tmpl>
            <p:tnLst>
              <p:par>
                <p:cTn presetID="22" presetClass="entr" presetSubtype="2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/>
      <p:bldP spid="13" grpId="0" animBg="1"/>
      <p:bldP spid="14" grpId="0" animBg="1"/>
      <p:bldP spid="15" grpId="0" animBg="1"/>
      <p:bldP spid="16" grpId="0"/>
      <p:bldP spid="17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/>
      <p:bldP spid="20" grpId="0" animBg="1"/>
      <p:bldP spid="21" grpId="0" animBg="1"/>
      <p:bldP spid="22" grpId="0"/>
      <p:bldP spid="23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26" grpId="0"/>
      <p:bldP spid="27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517760" y="1676683"/>
            <a:ext cx="2513500" cy="813078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3808" y="1307940"/>
            <a:ext cx="6027315" cy="3472258"/>
          </a:xfrm>
          <a:prstGeom prst="rect">
            <a:avLst/>
          </a:prstGeom>
        </p:spPr>
      </p:pic>
      <p:sp>
        <p:nvSpPr>
          <p:cNvPr id="10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8" y="771550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C BOOK PRO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339502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OCK UP - VIDEO 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8238544" y="467488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Media Placeholder 18"/>
          <p:cNvSpPr>
            <a:spLocks noGrp="1"/>
          </p:cNvSpPr>
          <p:nvPr>
            <p:ph type="media" sz="quarter" idx="21"/>
          </p:nvPr>
        </p:nvSpPr>
        <p:spPr>
          <a:xfrm>
            <a:off x="3610389" y="1463040"/>
            <a:ext cx="4513230" cy="2952328"/>
          </a:xfrm>
          <a:prstGeom prst="rect">
            <a:avLst/>
          </a:prstGeom>
        </p:spPr>
      </p:sp>
      <p:sp>
        <p:nvSpPr>
          <p:cNvPr id="8" name="Text Placeholder 30"/>
          <p:cNvSpPr>
            <a:spLocks noGrp="1"/>
          </p:cNvSpPr>
          <p:nvPr>
            <p:ph type="body" sz="quarter" idx="43"/>
          </p:nvPr>
        </p:nvSpPr>
        <p:spPr>
          <a:xfrm>
            <a:off x="526068" y="1347614"/>
            <a:ext cx="2505192" cy="329069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44"/>
          </p:nvPr>
        </p:nvSpPr>
        <p:spPr>
          <a:xfrm>
            <a:off x="517760" y="2769212"/>
            <a:ext cx="2513500" cy="523613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45"/>
          </p:nvPr>
        </p:nvSpPr>
        <p:spPr>
          <a:xfrm>
            <a:off x="526068" y="249974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46"/>
          </p:nvPr>
        </p:nvSpPr>
        <p:spPr>
          <a:xfrm>
            <a:off x="526068" y="3540321"/>
            <a:ext cx="2513500" cy="543597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47"/>
          </p:nvPr>
        </p:nvSpPr>
        <p:spPr>
          <a:xfrm>
            <a:off x="534376" y="3270851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48"/>
          </p:nvPr>
        </p:nvSpPr>
        <p:spPr>
          <a:xfrm>
            <a:off x="517760" y="4327511"/>
            <a:ext cx="2513500" cy="260463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49"/>
          </p:nvPr>
        </p:nvSpPr>
        <p:spPr>
          <a:xfrm>
            <a:off x="526068" y="4058041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709937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7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60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725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8500"/>
                            </p:stCondLst>
                            <p:childTnLst>
                              <p:par>
                                <p:cTn id="4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6"/>
          <p:cNvSpPr>
            <a:spLocks noGrp="1"/>
          </p:cNvSpPr>
          <p:nvPr>
            <p:ph type="pic" sz="quarter" idx="25" hasCustomPrompt="1"/>
          </p:nvPr>
        </p:nvSpPr>
        <p:spPr>
          <a:xfrm flipH="1">
            <a:off x="-5595" y="934616"/>
            <a:ext cx="1133856" cy="358126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7416"/>
              <a:gd name="connsiteY0" fmla="*/ 0 h 3853868"/>
              <a:gd name="connsiteX1" fmla="*/ 1572723 w 1577416"/>
              <a:gd name="connsiteY1" fmla="*/ 743905 h 3853868"/>
              <a:gd name="connsiteX2" fmla="*/ 1575578 w 1577416"/>
              <a:gd name="connsiteY2" fmla="*/ 3367387 h 3853868"/>
              <a:gd name="connsiteX3" fmla="*/ 14136 w 1577416"/>
              <a:gd name="connsiteY3" fmla="*/ 3853868 h 3853868"/>
              <a:gd name="connsiteX4" fmla="*/ 0 w 1577416"/>
              <a:gd name="connsiteY4" fmla="*/ 0 h 3853868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5972"/>
              <a:gd name="connsiteY0" fmla="*/ 0 h 3846716"/>
              <a:gd name="connsiteX1" fmla="*/ 1572723 w 1575972"/>
              <a:gd name="connsiteY1" fmla="*/ 743905 h 3846716"/>
              <a:gd name="connsiteX2" fmla="*/ 1575578 w 1575972"/>
              <a:gd name="connsiteY2" fmla="*/ 3367387 h 3846716"/>
              <a:gd name="connsiteX3" fmla="*/ 6985 w 1575972"/>
              <a:gd name="connsiteY3" fmla="*/ 3846716 h 3846716"/>
              <a:gd name="connsiteX4" fmla="*/ 0 w 1575972"/>
              <a:gd name="connsiteY4" fmla="*/ 0 h 3846716"/>
              <a:gd name="connsiteX0" fmla="*/ 0 w 1669872"/>
              <a:gd name="connsiteY0" fmla="*/ 0 h 3846716"/>
              <a:gd name="connsiteX1" fmla="*/ 1669872 w 1669872"/>
              <a:gd name="connsiteY1" fmla="*/ 926058 h 3846716"/>
              <a:gd name="connsiteX2" fmla="*/ 1575578 w 1669872"/>
              <a:gd name="connsiteY2" fmla="*/ 3367387 h 3846716"/>
              <a:gd name="connsiteX3" fmla="*/ 6985 w 1669872"/>
              <a:gd name="connsiteY3" fmla="*/ 3846716 h 3846716"/>
              <a:gd name="connsiteX4" fmla="*/ 0 w 1669872"/>
              <a:gd name="connsiteY4" fmla="*/ 0 h 3846716"/>
              <a:gd name="connsiteX0" fmla="*/ 0 w 1685001"/>
              <a:gd name="connsiteY0" fmla="*/ 0 h 3846716"/>
              <a:gd name="connsiteX1" fmla="*/ 1669872 w 1685001"/>
              <a:gd name="connsiteY1" fmla="*/ 926058 h 3846716"/>
              <a:gd name="connsiteX2" fmla="*/ 1684870 w 1685001"/>
              <a:gd name="connsiteY2" fmla="*/ 3306669 h 3846716"/>
              <a:gd name="connsiteX3" fmla="*/ 6985 w 1685001"/>
              <a:gd name="connsiteY3" fmla="*/ 3846716 h 3846716"/>
              <a:gd name="connsiteX4" fmla="*/ 0 w 1685001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30753"/>
              <a:gd name="connsiteX1" fmla="*/ 1675030 w 1678279"/>
              <a:gd name="connsiteY1" fmla="*/ 809503 h 3830753"/>
              <a:gd name="connsiteX2" fmla="*/ 1677885 w 1678279"/>
              <a:gd name="connsiteY2" fmla="*/ 3299406 h 3830753"/>
              <a:gd name="connsiteX3" fmla="*/ 0 w 1678279"/>
              <a:gd name="connsiteY3" fmla="*/ 3830753 h 3830753"/>
              <a:gd name="connsiteX4" fmla="*/ 1715 w 1678279"/>
              <a:gd name="connsiteY4" fmla="*/ 0 h 3830753"/>
              <a:gd name="connsiteX0" fmla="*/ 11852 w 1678279"/>
              <a:gd name="connsiteY0" fmla="*/ 0 h 3800341"/>
              <a:gd name="connsiteX1" fmla="*/ 1675030 w 1678279"/>
              <a:gd name="connsiteY1" fmla="*/ 779091 h 3800341"/>
              <a:gd name="connsiteX2" fmla="*/ 1677885 w 1678279"/>
              <a:gd name="connsiteY2" fmla="*/ 3268994 h 3800341"/>
              <a:gd name="connsiteX3" fmla="*/ 0 w 1678279"/>
              <a:gd name="connsiteY3" fmla="*/ 3800341 h 3800341"/>
              <a:gd name="connsiteX4" fmla="*/ 11852 w 1678279"/>
              <a:gd name="connsiteY4" fmla="*/ 0 h 3800341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790316"/>
              <a:gd name="connsiteX1" fmla="*/ 1664893 w 1668142"/>
              <a:gd name="connsiteY1" fmla="*/ 758929 h 3790316"/>
              <a:gd name="connsiteX2" fmla="*/ 1667748 w 1668142"/>
              <a:gd name="connsiteY2" fmla="*/ 3248832 h 3790316"/>
              <a:gd name="connsiteX3" fmla="*/ 0 w 1668142"/>
              <a:gd name="connsiteY3" fmla="*/ 3790316 h 3790316"/>
              <a:gd name="connsiteX4" fmla="*/ 1715 w 1668142"/>
              <a:gd name="connsiteY4" fmla="*/ 0 h 3790316"/>
              <a:gd name="connsiteX0" fmla="*/ 1715 w 1668142"/>
              <a:gd name="connsiteY0" fmla="*/ 0 h 3790316"/>
              <a:gd name="connsiteX1" fmla="*/ 1664893 w 1668142"/>
              <a:gd name="connsiteY1" fmla="*/ 758929 h 3790316"/>
              <a:gd name="connsiteX2" fmla="*/ 1667748 w 1668142"/>
              <a:gd name="connsiteY2" fmla="*/ 3248832 h 3790316"/>
              <a:gd name="connsiteX3" fmla="*/ 0 w 1668142"/>
              <a:gd name="connsiteY3" fmla="*/ 3790316 h 3790316"/>
              <a:gd name="connsiteX4" fmla="*/ 1715 w 1668142"/>
              <a:gd name="connsiteY4" fmla="*/ 0 h 3790316"/>
              <a:gd name="connsiteX0" fmla="*/ 1715 w 1668142"/>
              <a:gd name="connsiteY0" fmla="*/ 0 h 3790316"/>
              <a:gd name="connsiteX1" fmla="*/ 1664893 w 1668142"/>
              <a:gd name="connsiteY1" fmla="*/ 758929 h 3790316"/>
              <a:gd name="connsiteX2" fmla="*/ 1667748 w 1668142"/>
              <a:gd name="connsiteY2" fmla="*/ 3248832 h 3790316"/>
              <a:gd name="connsiteX3" fmla="*/ 0 w 1668142"/>
              <a:gd name="connsiteY3" fmla="*/ 3790316 h 3790316"/>
              <a:gd name="connsiteX4" fmla="*/ 1715 w 1668142"/>
              <a:gd name="connsiteY4" fmla="*/ 0 h 37903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68142" h="3790316">
                <a:moveTo>
                  <a:pt x="1715" y="0"/>
                </a:moveTo>
                <a:cubicBezTo>
                  <a:pt x="1517634" y="697262"/>
                  <a:pt x="117270" y="59644"/>
                  <a:pt x="1664893" y="758929"/>
                </a:cubicBezTo>
                <a:cubicBezTo>
                  <a:pt x="1664652" y="3212823"/>
                  <a:pt x="1669537" y="617844"/>
                  <a:pt x="1667748" y="3248832"/>
                </a:cubicBezTo>
                <a:lnTo>
                  <a:pt x="0" y="3790316"/>
                </a:lnTo>
                <a:cubicBezTo>
                  <a:pt x="1594" y="210329"/>
                  <a:pt x="-814" y="3691663"/>
                  <a:pt x="1715" y="0"/>
                </a:cubicBezTo>
                <a:close/>
              </a:path>
            </a:pathLst>
          </a:custGeom>
          <a:solidFill>
            <a:schemeClr val="bg1">
              <a:lumMod val="50000"/>
              <a:alpha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7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 flipH="1">
            <a:off x="1125967" y="927057"/>
            <a:ext cx="3623318" cy="359581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8565"/>
              <a:gd name="connsiteY0" fmla="*/ 570692 h 2979406"/>
              <a:gd name="connsiteX1" fmla="*/ 3000211 w 3008565"/>
              <a:gd name="connsiteY1" fmla="*/ 0 h 2979406"/>
              <a:gd name="connsiteX2" fmla="*/ 3005420 w 3008565"/>
              <a:gd name="connsiteY2" fmla="*/ 2979406 h 2979406"/>
              <a:gd name="connsiteX3" fmla="*/ 12032 w 3008565"/>
              <a:gd name="connsiteY3" fmla="*/ 2413922 h 2979406"/>
              <a:gd name="connsiteX4" fmla="*/ 0 w 3008565"/>
              <a:gd name="connsiteY4" fmla="*/ 570692 h 2979406"/>
              <a:gd name="connsiteX0" fmla="*/ 0 w 3005420"/>
              <a:gd name="connsiteY0" fmla="*/ 570692 h 2979406"/>
              <a:gd name="connsiteX1" fmla="*/ 3000211 w 3005420"/>
              <a:gd name="connsiteY1" fmla="*/ 0 h 2979406"/>
              <a:gd name="connsiteX2" fmla="*/ 3005420 w 3005420"/>
              <a:gd name="connsiteY2" fmla="*/ 2979406 h 2979406"/>
              <a:gd name="connsiteX3" fmla="*/ 12032 w 3005420"/>
              <a:gd name="connsiteY3" fmla="*/ 2413922 h 2979406"/>
              <a:gd name="connsiteX4" fmla="*/ 0 w 3005420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  <a:gd name="connsiteX0" fmla="*/ 0 w 3008266"/>
              <a:gd name="connsiteY0" fmla="*/ 576356 h 2985070"/>
              <a:gd name="connsiteX1" fmla="*/ 3005877 w 3008266"/>
              <a:gd name="connsiteY1" fmla="*/ 0 h 2985070"/>
              <a:gd name="connsiteX2" fmla="*/ 3005420 w 3008266"/>
              <a:gd name="connsiteY2" fmla="*/ 2985070 h 2985070"/>
              <a:gd name="connsiteX3" fmla="*/ 12032 w 3008266"/>
              <a:gd name="connsiteY3" fmla="*/ 2419586 h 2985070"/>
              <a:gd name="connsiteX4" fmla="*/ 0 w 3008266"/>
              <a:gd name="connsiteY4" fmla="*/ 576356 h 29850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8266" h="2985070">
                <a:moveTo>
                  <a:pt x="0" y="576356"/>
                </a:moveTo>
                <a:lnTo>
                  <a:pt x="3005877" y="0"/>
                </a:lnTo>
                <a:cubicBezTo>
                  <a:pt x="3009888" y="2769619"/>
                  <a:pt x="3008233" y="133565"/>
                  <a:pt x="3005420" y="2985070"/>
                </a:cubicBezTo>
                <a:lnTo>
                  <a:pt x="12032" y="2419586"/>
                </a:lnTo>
                <a:cubicBezTo>
                  <a:pt x="8021" y="1805176"/>
                  <a:pt x="4011" y="1190766"/>
                  <a:pt x="0" y="576356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5552672" y="1670652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5428983" y="2179853"/>
            <a:ext cx="3384376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>
                <a:latin typeface="TeXGyreHeros" panose="00000500000000000000" pitchFamily="50" charset="0"/>
              </a:rPr>
              <a:t>BUSINESS STRATEGY</a:t>
            </a:r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5434297" y="2761488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5312664" y="2296800"/>
            <a:ext cx="0" cy="4572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5428983" y="2499742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84016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4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000"/>
                            </p:stCondLst>
                            <p:childTnLst>
                              <p:par>
                                <p:cTn id="12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00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000"/>
                            </p:stCondLst>
                            <p:childTnLst>
                              <p:par>
                                <p:cTn id="22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250"/>
                            </p:stCondLst>
                            <p:childTnLst>
                              <p:par>
                                <p:cTn id="29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8" grpId="0" animBg="1"/>
      <p:bldP spid="22" grpId="0"/>
      <p:bldP spid="10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2670048" y="1271016"/>
            <a:ext cx="1188720" cy="193748"/>
          </a:xfrm>
          <a:prstGeom prst="rect">
            <a:avLst/>
          </a:prstGeom>
          <a:noFill/>
        </p:spPr>
        <p:txBody>
          <a:bodyPr lIns="91440" tIns="0" rIns="0" bIns="0" anchor="ctr"/>
          <a:lstStyle>
            <a:lvl1pPr marL="0" indent="0" algn="r">
              <a:buNone/>
              <a:defRPr sz="1400" b="0" spc="8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EAM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89" hasCustomPrompt="1"/>
          </p:nvPr>
        </p:nvSpPr>
        <p:spPr>
          <a:xfrm>
            <a:off x="3895344" y="1152144"/>
            <a:ext cx="2664296" cy="292608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8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TECHNOLOGY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190" hasCustomPrompt="1"/>
          </p:nvPr>
        </p:nvSpPr>
        <p:spPr>
          <a:xfrm>
            <a:off x="827584" y="1447022"/>
            <a:ext cx="4392488" cy="603504"/>
          </a:xfrm>
          <a:prstGeom prst="rect">
            <a:avLst/>
          </a:prstGeom>
          <a:noFill/>
        </p:spPr>
        <p:txBody>
          <a:bodyPr lIns="45720" tIns="0" rIns="45720" bIns="0" anchor="ctr"/>
          <a:lstStyle>
            <a:lvl1pPr marL="0" indent="0" algn="r">
              <a:buNone/>
              <a:defRPr sz="6000" b="0" spc="40" baseline="0">
                <a:solidFill>
                  <a:srgbClr val="B0A79E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SINESS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91" hasCustomPrompt="1"/>
          </p:nvPr>
        </p:nvSpPr>
        <p:spPr>
          <a:xfrm>
            <a:off x="5220072" y="1453896"/>
            <a:ext cx="2952328" cy="262896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indent="0" algn="l">
              <a:buNone/>
              <a:defRPr sz="19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ULTURE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192" hasCustomPrompt="1"/>
          </p:nvPr>
        </p:nvSpPr>
        <p:spPr>
          <a:xfrm>
            <a:off x="5220072" y="1728216"/>
            <a:ext cx="2952328" cy="292608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indent="0" algn="l">
              <a:buNone/>
              <a:defRPr sz="3000" b="1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DUCATION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93" hasCustomPrompt="1"/>
          </p:nvPr>
        </p:nvSpPr>
        <p:spPr>
          <a:xfrm>
            <a:off x="3131840" y="2029968"/>
            <a:ext cx="5256584" cy="676656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indent="0" algn="l">
              <a:buNone/>
              <a:defRPr sz="7200" b="0" spc="40" baseline="0">
                <a:solidFill>
                  <a:srgbClr val="73BCB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XPERIENCE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94" hasCustomPrompt="1"/>
          </p:nvPr>
        </p:nvSpPr>
        <p:spPr>
          <a:xfrm>
            <a:off x="950976" y="2276856"/>
            <a:ext cx="2160240" cy="201168"/>
          </a:xfrm>
          <a:prstGeom prst="rect">
            <a:avLst/>
          </a:prstGeom>
          <a:noFill/>
        </p:spPr>
        <p:txBody>
          <a:bodyPr lIns="91440" tIns="0" rIns="0" bIns="0" anchor="ctr"/>
          <a:lstStyle>
            <a:lvl1pPr marL="0" indent="0" algn="r">
              <a:buNone/>
              <a:defRPr sz="14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EDIA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95" hasCustomPrompt="1"/>
          </p:nvPr>
        </p:nvSpPr>
        <p:spPr>
          <a:xfrm>
            <a:off x="950976" y="2487168"/>
            <a:ext cx="2160240" cy="225158"/>
          </a:xfrm>
          <a:prstGeom prst="rect">
            <a:avLst/>
          </a:prstGeom>
          <a:noFill/>
        </p:spPr>
        <p:txBody>
          <a:bodyPr lIns="91440" tIns="0" rIns="0" bIns="0" anchor="ctr"/>
          <a:lstStyle>
            <a:lvl1pPr marL="0" indent="0" algn="r">
              <a:buNone/>
              <a:defRPr sz="20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NVIRONMENT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96" hasCustomPrompt="1"/>
          </p:nvPr>
        </p:nvSpPr>
        <p:spPr>
          <a:xfrm>
            <a:off x="1331640" y="2706624"/>
            <a:ext cx="3384376" cy="648072"/>
          </a:xfrm>
          <a:prstGeom prst="rect">
            <a:avLst/>
          </a:prstGeom>
          <a:noFill/>
        </p:spPr>
        <p:txBody>
          <a:bodyPr lIns="45720" tIns="0" rIns="45720" bIns="0" anchor="ctr"/>
          <a:lstStyle>
            <a:lvl1pPr marL="0" indent="0" algn="r">
              <a:buNone/>
              <a:defRPr sz="66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CCESS</a:t>
            </a:r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198" hasCustomPrompt="1"/>
          </p:nvPr>
        </p:nvSpPr>
        <p:spPr>
          <a:xfrm>
            <a:off x="4736592" y="3145536"/>
            <a:ext cx="3108960" cy="193748"/>
          </a:xfrm>
          <a:prstGeom prst="rect">
            <a:avLst/>
          </a:prstGeom>
          <a:noFill/>
        </p:spPr>
        <p:txBody>
          <a:bodyPr lIns="0" tIns="0" rIns="0" bIns="0" anchor="ctr"/>
          <a:lstStyle>
            <a:lvl1pPr marL="0" indent="0" algn="l">
              <a:buNone/>
              <a:defRPr sz="14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CTION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199" hasCustomPrompt="1"/>
          </p:nvPr>
        </p:nvSpPr>
        <p:spPr>
          <a:xfrm>
            <a:off x="4736592" y="2953512"/>
            <a:ext cx="3108960" cy="193748"/>
          </a:xfrm>
          <a:prstGeom prst="rect">
            <a:avLst/>
          </a:prstGeom>
          <a:noFill/>
        </p:spPr>
        <p:txBody>
          <a:bodyPr lIns="0" tIns="0" rIns="0" bIns="0" anchor="ctr"/>
          <a:lstStyle>
            <a:lvl1pPr marL="0" indent="0" algn="l">
              <a:buNone/>
              <a:defRPr sz="20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MMUNICATION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00" hasCustomPrompt="1"/>
          </p:nvPr>
        </p:nvSpPr>
        <p:spPr>
          <a:xfrm>
            <a:off x="4736592" y="2752344"/>
            <a:ext cx="1188720" cy="146304"/>
          </a:xfrm>
          <a:prstGeom prst="rect">
            <a:avLst/>
          </a:prstGeom>
          <a:noFill/>
        </p:spPr>
        <p:txBody>
          <a:bodyPr lIns="0" tIns="0" rIns="0" bIns="0" anchor="ctr"/>
          <a:lstStyle>
            <a:lvl1pPr marL="0" indent="0" algn="l">
              <a:buNone/>
              <a:defRPr sz="11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EAM</a:t>
            </a:r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201" hasCustomPrompt="1"/>
          </p:nvPr>
        </p:nvSpPr>
        <p:spPr>
          <a:xfrm>
            <a:off x="3984582" y="3355848"/>
            <a:ext cx="3611753" cy="292608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indent="0" algn="l">
              <a:buNone/>
              <a:defRPr sz="3000" b="0" spc="40" baseline="0">
                <a:solidFill>
                  <a:srgbClr val="B0A79E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RANSPORTATION</a:t>
            </a:r>
            <a:endParaRPr lang="en-US" dirty="0"/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202"/>
          </p:nvPr>
        </p:nvSpPr>
        <p:spPr>
          <a:xfrm>
            <a:off x="971600" y="4155926"/>
            <a:ext cx="7200800" cy="483506"/>
          </a:xfrm>
          <a:prstGeom prst="rect">
            <a:avLst/>
          </a:prstGeom>
          <a:noFill/>
        </p:spPr>
        <p:txBody>
          <a:bodyPr lIns="91440" tIns="0" rIns="45720" bIns="0" anchor="t"/>
          <a:lstStyle>
            <a:lvl1pPr marL="0" indent="0" algn="ct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03" hasCustomPrompt="1"/>
          </p:nvPr>
        </p:nvSpPr>
        <p:spPr>
          <a:xfrm>
            <a:off x="1371600" y="3465576"/>
            <a:ext cx="2560320" cy="193748"/>
          </a:xfrm>
          <a:prstGeom prst="rect">
            <a:avLst/>
          </a:prstGeom>
          <a:noFill/>
        </p:spPr>
        <p:txBody>
          <a:bodyPr lIns="0" tIns="0" rIns="0" bIns="0" anchor="ctr"/>
          <a:lstStyle>
            <a:lvl1pPr marL="0" indent="0" algn="r">
              <a:buNone/>
              <a:defRPr sz="14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RATEG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04012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75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75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75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7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2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9" dur="75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8" fill="hold" grpId="0" nodeType="withEffect">
                                  <p:stCondLst>
                                    <p:cond delay="13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75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8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2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8" dur="75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8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75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22" presetClass="entr" presetSubtype="2" fill="hold" grpId="0" nodeType="withEffect">
                                  <p:stCondLst>
                                    <p:cond delay="26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4" dur="75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22" presetClass="entr" presetSubtype="2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7" dur="75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8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0" dur="75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22" presetClass="entr" presetSubtype="8" fill="hold" grpId="0" nodeType="withEffect">
                                  <p:stCondLst>
                                    <p:cond delay="3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75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22" presetClass="entr" presetSubtype="2" fill="hold" grpId="0" nodeType="withEffect">
                                  <p:stCondLst>
                                    <p:cond delay="3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6" dur="75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425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26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3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3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3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3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2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3" name="Picture 4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260000" y="1810800"/>
            <a:ext cx="304941" cy="648000"/>
          </a:xfrm>
          <a:prstGeom prst="rect">
            <a:avLst/>
          </a:prstGeom>
        </p:spPr>
      </p:pic>
      <p:sp>
        <p:nvSpPr>
          <p:cNvPr id="8" name="Text Placeholder 30"/>
          <p:cNvSpPr>
            <a:spLocks noGrp="1"/>
          </p:cNvSpPr>
          <p:nvPr>
            <p:ph type="body" sz="quarter" idx="188" hasCustomPrompt="1"/>
          </p:nvPr>
        </p:nvSpPr>
        <p:spPr>
          <a:xfrm>
            <a:off x="683568" y="3867894"/>
            <a:ext cx="1036950" cy="302848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marR="0" indent="0" algn="ctr" defTabSz="914400" rtl="0" eaLnBrk="1" fontAlgn="auto" latinLnBrk="0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marL="0" marR="0" lvl="0" indent="0" algn="ctr" defTabSz="9144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ECONOMY OF   SCALE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89" hasCustomPrompt="1"/>
          </p:nvPr>
        </p:nvSpPr>
        <p:spPr>
          <a:xfrm>
            <a:off x="1817768" y="3867892"/>
            <a:ext cx="1036950" cy="302400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NOVATION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95" hasCustomPrompt="1"/>
          </p:nvPr>
        </p:nvSpPr>
        <p:spPr>
          <a:xfrm>
            <a:off x="2958882" y="3866376"/>
            <a:ext cx="1036950" cy="302848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marR="0" indent="0" algn="ctr" defTabSz="914400" rtl="0" eaLnBrk="1" fontAlgn="auto" latinLnBrk="0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marL="0" marR="0" lvl="0" indent="0" algn="ctr" defTabSz="9144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SERVICE &amp;      QUALITY</a:t>
            </a:r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196" hasCustomPrompt="1"/>
          </p:nvPr>
        </p:nvSpPr>
        <p:spPr>
          <a:xfrm>
            <a:off x="4100869" y="3866374"/>
            <a:ext cx="1036950" cy="302400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OCATION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197" hasCustomPrompt="1"/>
          </p:nvPr>
        </p:nvSpPr>
        <p:spPr>
          <a:xfrm>
            <a:off x="5220072" y="3867894"/>
            <a:ext cx="1036950" cy="302848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marR="0" indent="0" algn="ctr" defTabSz="914400" rtl="0" eaLnBrk="1" fontAlgn="auto" latinLnBrk="0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marL="0" marR="0" lvl="0" indent="0" algn="ctr" defTabSz="9144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VALUE ADDED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198" hasCustomPrompt="1"/>
          </p:nvPr>
        </p:nvSpPr>
        <p:spPr>
          <a:xfrm>
            <a:off x="6343362" y="3867892"/>
            <a:ext cx="1036950" cy="302400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ISTRIBUTION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199" hasCustomPrompt="1"/>
          </p:nvPr>
        </p:nvSpPr>
        <p:spPr>
          <a:xfrm>
            <a:off x="7495386" y="3866376"/>
            <a:ext cx="1036950" cy="302848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marR="0" indent="0" algn="ctr" defTabSz="914400" rtl="0" eaLnBrk="1" fontAlgn="auto" latinLnBrk="0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marL="0" marR="0" lvl="0" indent="0" algn="ctr" defTabSz="9144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DIVERSIFICATION</a:t>
            </a:r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142207" y="915566"/>
            <a:ext cx="49685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83518"/>
            <a:ext cx="499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KEY SUCCESS FACTOR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712562" y="1779662"/>
            <a:ext cx="6243814" cy="280343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3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7 KEYS SUCCESS FACTOR</a:t>
            </a:r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1712562" y="2011680"/>
            <a:ext cx="6243814" cy="543712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lnSpc>
                <a:spcPct val="90000"/>
              </a:lnSpc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686605" y="4169224"/>
            <a:ext cx="1044927" cy="5871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0" name="Rectangle 9"/>
          <p:cNvSpPr/>
          <p:nvPr userDrawn="1"/>
        </p:nvSpPr>
        <p:spPr>
          <a:xfrm>
            <a:off x="1817710" y="4168784"/>
            <a:ext cx="1036950" cy="58710"/>
          </a:xfrm>
          <a:prstGeom prst="rect">
            <a:avLst/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2" name="Oval 11"/>
          <p:cNvSpPr/>
          <p:nvPr userDrawn="1"/>
        </p:nvSpPr>
        <p:spPr>
          <a:xfrm>
            <a:off x="802690" y="2932088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182" hasCustomPrompt="1"/>
          </p:nvPr>
        </p:nvSpPr>
        <p:spPr>
          <a:xfrm>
            <a:off x="874910" y="3035461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Oval 13"/>
          <p:cNvSpPr/>
          <p:nvPr userDrawn="1"/>
        </p:nvSpPr>
        <p:spPr>
          <a:xfrm>
            <a:off x="1939496" y="2931790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2011263" y="3036013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6" name="Straight Arrow Connector 15"/>
          <p:cNvCxnSpPr>
            <a:stCxn id="12" idx="6"/>
            <a:endCxn id="14" idx="2"/>
          </p:cNvCxnSpPr>
          <p:nvPr userDrawn="1"/>
        </p:nvCxnSpPr>
        <p:spPr>
          <a:xfrm flipV="1">
            <a:off x="1573896" y="3317393"/>
            <a:ext cx="365600" cy="298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val 16"/>
          <p:cNvSpPr/>
          <p:nvPr userDrawn="1"/>
        </p:nvSpPr>
        <p:spPr>
          <a:xfrm>
            <a:off x="3076701" y="2932088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3148332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Oval 18"/>
          <p:cNvSpPr/>
          <p:nvPr userDrawn="1"/>
        </p:nvSpPr>
        <p:spPr>
          <a:xfrm>
            <a:off x="4222870" y="2932088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91" hasCustomPrompt="1"/>
          </p:nvPr>
        </p:nvSpPr>
        <p:spPr>
          <a:xfrm>
            <a:off x="4284541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1" name="Straight Arrow Connector 20"/>
          <p:cNvCxnSpPr>
            <a:stCxn id="17" idx="6"/>
            <a:endCxn id="19" idx="2"/>
          </p:cNvCxnSpPr>
          <p:nvPr userDrawn="1"/>
        </p:nvCxnSpPr>
        <p:spPr>
          <a:xfrm>
            <a:off x="3847907" y="3317691"/>
            <a:ext cx="360000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>
            <a:stCxn id="14" idx="6"/>
            <a:endCxn id="17" idx="2"/>
          </p:cNvCxnSpPr>
          <p:nvPr userDrawn="1"/>
        </p:nvCxnSpPr>
        <p:spPr>
          <a:xfrm>
            <a:off x="2710702" y="3317393"/>
            <a:ext cx="360000" cy="298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val 22"/>
          <p:cNvSpPr/>
          <p:nvPr userDrawn="1"/>
        </p:nvSpPr>
        <p:spPr>
          <a:xfrm>
            <a:off x="5323555" y="2932807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192" hasCustomPrompt="1"/>
          </p:nvPr>
        </p:nvSpPr>
        <p:spPr>
          <a:xfrm>
            <a:off x="5403514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Oval 24"/>
          <p:cNvSpPr/>
          <p:nvPr userDrawn="1"/>
        </p:nvSpPr>
        <p:spPr>
          <a:xfrm>
            <a:off x="6454761" y="2932807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6516432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7" name="Straight Arrow Connector 26"/>
          <p:cNvCxnSpPr>
            <a:stCxn id="23" idx="6"/>
            <a:endCxn id="25" idx="2"/>
          </p:cNvCxnSpPr>
          <p:nvPr userDrawn="1"/>
        </p:nvCxnSpPr>
        <p:spPr>
          <a:xfrm>
            <a:off x="6094761" y="3318410"/>
            <a:ext cx="360000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val 27"/>
          <p:cNvSpPr/>
          <p:nvPr userDrawn="1"/>
        </p:nvSpPr>
        <p:spPr>
          <a:xfrm>
            <a:off x="7598938" y="2932807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194" hasCustomPrompt="1"/>
          </p:nvPr>
        </p:nvSpPr>
        <p:spPr>
          <a:xfrm>
            <a:off x="7678897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30" name="Straight Arrow Connector 29"/>
          <p:cNvCxnSpPr>
            <a:stCxn id="25" idx="6"/>
            <a:endCxn id="28" idx="2"/>
          </p:cNvCxnSpPr>
          <p:nvPr userDrawn="1"/>
        </p:nvCxnSpPr>
        <p:spPr>
          <a:xfrm>
            <a:off x="7225967" y="3318410"/>
            <a:ext cx="372971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Arrow Connector 30"/>
          <p:cNvCxnSpPr/>
          <p:nvPr userDrawn="1"/>
        </p:nvCxnSpPr>
        <p:spPr>
          <a:xfrm>
            <a:off x="4978943" y="3317393"/>
            <a:ext cx="360000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Rectangle 32"/>
          <p:cNvSpPr/>
          <p:nvPr userDrawn="1"/>
        </p:nvSpPr>
        <p:spPr>
          <a:xfrm>
            <a:off x="2961919" y="4167706"/>
            <a:ext cx="1044927" cy="5871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4" name="Rectangle 33"/>
          <p:cNvSpPr/>
          <p:nvPr userDrawn="1"/>
        </p:nvSpPr>
        <p:spPr>
          <a:xfrm>
            <a:off x="4100811" y="4167266"/>
            <a:ext cx="1036950" cy="58710"/>
          </a:xfrm>
          <a:prstGeom prst="rect">
            <a:avLst/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7" name="Rectangle 36"/>
          <p:cNvSpPr/>
          <p:nvPr userDrawn="1"/>
        </p:nvSpPr>
        <p:spPr>
          <a:xfrm>
            <a:off x="5223109" y="4169224"/>
            <a:ext cx="1044927" cy="5871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8" name="Rectangle 37"/>
          <p:cNvSpPr/>
          <p:nvPr userDrawn="1"/>
        </p:nvSpPr>
        <p:spPr>
          <a:xfrm>
            <a:off x="6343304" y="4168784"/>
            <a:ext cx="1036950" cy="58710"/>
          </a:xfrm>
          <a:prstGeom prst="rect">
            <a:avLst/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1" name="Rectangle 40"/>
          <p:cNvSpPr/>
          <p:nvPr userDrawn="1"/>
        </p:nvSpPr>
        <p:spPr>
          <a:xfrm>
            <a:off x="7498423" y="4167706"/>
            <a:ext cx="1044927" cy="5871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1136885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6500"/>
                            </p:stCondLst>
                            <p:childTnLst>
                              <p:par>
                                <p:cTn id="37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7000"/>
                            </p:stCondLst>
                            <p:childTnLst>
                              <p:par>
                                <p:cTn id="41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2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7500"/>
                            </p:stCondLst>
                            <p:childTnLst>
                              <p:par>
                                <p:cTn id="4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8250"/>
                            </p:stCondLst>
                            <p:childTnLst>
                              <p:par>
                                <p:cTn id="5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8750"/>
                            </p:stCondLst>
                            <p:childTnLst>
                              <p:par>
                                <p:cTn id="59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1" dur="2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92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10000"/>
                            </p:stCondLst>
                            <p:childTnLst>
                              <p:par>
                                <p:cTn id="73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10500"/>
                            </p:stCondLst>
                            <p:childTnLst>
                              <p:par>
                                <p:cTn id="77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9" dur="2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1100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11750"/>
                            </p:stCondLst>
                            <p:childTnLst>
                              <p:par>
                                <p:cTn id="91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4" fill="hold">
                            <p:stCondLst>
                              <p:cond delay="12250"/>
                            </p:stCondLst>
                            <p:childTnLst>
                              <p:par>
                                <p:cTn id="95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7" dur="2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12750"/>
                            </p:stCondLst>
                            <p:childTnLst>
                              <p:par>
                                <p:cTn id="9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8" fill="hold">
                            <p:stCondLst>
                              <p:cond delay="13500"/>
                            </p:stCondLst>
                            <p:childTnLst>
                              <p:par>
                                <p:cTn id="109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1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2" fill="hold">
                            <p:stCondLst>
                              <p:cond delay="14000"/>
                            </p:stCondLst>
                            <p:childTnLst>
                              <p:par>
                                <p:cTn id="113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5" dur="2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14500"/>
                            </p:stCondLst>
                            <p:childTnLst>
                              <p:par>
                                <p:cTn id="11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6" fill="hold">
                            <p:stCondLst>
                              <p:cond delay="15250"/>
                            </p:stCondLst>
                            <p:childTnLst>
                              <p:par>
                                <p:cTn id="127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9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0" fill="hold">
                            <p:stCondLst>
                              <p:cond delay="15750"/>
                            </p:stCondLst>
                            <p:childTnLst>
                              <p:par>
                                <p:cTn id="131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3" dur="2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4" fill="hold">
                            <p:stCondLst>
                              <p:cond delay="16250"/>
                            </p:stCondLst>
                            <p:childTnLst>
                              <p:par>
                                <p:cTn id="13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7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0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3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4" fill="hold">
                            <p:stCondLst>
                              <p:cond delay="17000"/>
                            </p:stCondLst>
                            <p:childTnLst>
                              <p:par>
                                <p:cTn id="14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animBg="1"/>
      <p:bldP spid="10" grpId="0" animBg="1"/>
      <p:bldP spid="12" grpId="0" animBg="1"/>
      <p:bldP spid="13" grpId="0"/>
      <p:bldP spid="14" grpId="0" animBg="1"/>
      <p:bldP spid="15" grpId="0"/>
      <p:bldP spid="17" grpId="0" animBg="1"/>
      <p:bldP spid="18" grpId="0"/>
      <p:bldP spid="19" grpId="0" animBg="1"/>
      <p:bldP spid="20" grpId="0"/>
      <p:bldP spid="23" grpId="0" animBg="1"/>
      <p:bldP spid="24" grpId="0"/>
      <p:bldP spid="25" grpId="0" animBg="1"/>
      <p:bldP spid="26" grpId="0"/>
      <p:bldP spid="28" grpId="0" animBg="1"/>
      <p:bldP spid="29" grpId="0"/>
      <p:bldP spid="33" grpId="0" animBg="1"/>
      <p:bldP spid="34" grpId="0" animBg="1"/>
      <p:bldP spid="37" grpId="0" animBg="1"/>
      <p:bldP spid="38" grpId="0" animBg="1"/>
      <p:bldP spid="41" grpId="0" animBg="1"/>
    </p:bldLst>
  </p:timing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905456" y="1491630"/>
            <a:ext cx="7338952" cy="3024336"/>
          </a:xfrm>
          <a:prstGeom prst="rect">
            <a:avLst/>
          </a:prstGeom>
          <a:pattFill prst="ltUpDiag">
            <a:fgClr>
              <a:schemeClr val="tx1">
                <a:lumMod val="75000"/>
                <a:lumOff val="2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1923773" y="915566"/>
            <a:ext cx="618697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1907704" y="483518"/>
            <a:ext cx="621591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RGANIZATION ENVIRONMENT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60297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val 2"/>
          <p:cNvSpPr/>
          <p:nvPr userDrawn="1"/>
        </p:nvSpPr>
        <p:spPr>
          <a:xfrm>
            <a:off x="3021249" y="1488010"/>
            <a:ext cx="3067507" cy="3067507"/>
          </a:xfrm>
          <a:prstGeom prst="ellipse">
            <a:avLst/>
          </a:prstGeom>
          <a:solidFill>
            <a:srgbClr val="A79D9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" name="Oval 3"/>
          <p:cNvSpPr/>
          <p:nvPr userDrawn="1"/>
        </p:nvSpPr>
        <p:spPr>
          <a:xfrm>
            <a:off x="3672942" y="2139703"/>
            <a:ext cx="1764122" cy="1764122"/>
          </a:xfrm>
          <a:prstGeom prst="ellipse">
            <a:avLst/>
          </a:prstGeom>
          <a:solidFill>
            <a:srgbClr val="73BCB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3672942" y="2139702"/>
            <a:ext cx="1764122" cy="1764123"/>
          </a:xfrm>
          <a:prstGeom prst="rect">
            <a:avLst/>
          </a:prstGeom>
          <a:noFill/>
        </p:spPr>
        <p:txBody>
          <a:bodyPr wrap="none" lIns="0" tIns="0" rIns="0" bIns="0" anchor="ctr"/>
          <a:lstStyle>
            <a:lvl1pPr marL="0" indent="0" algn="ctr">
              <a:lnSpc>
                <a:spcPct val="70000"/>
              </a:lnSpc>
              <a:buNone/>
              <a:defRPr sz="1400" b="1" i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 THE</a:t>
            </a:r>
          </a:p>
          <a:p>
            <a:pPr lvl="0"/>
            <a:r>
              <a:rPr lang="en-US" dirty="0" smtClean="0"/>
              <a:t>ORGANIZATION</a:t>
            </a:r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425481" y="915566"/>
            <a:ext cx="5685263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11760" y="483518"/>
            <a:ext cx="571185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RGANIZATION STRUCTURE</a:t>
            </a:r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8238544" y="603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27"/>
          <p:cNvSpPr>
            <a:spLocks noGrp="1"/>
          </p:cNvSpPr>
          <p:nvPr>
            <p:ph type="body" sz="quarter" idx="133" hasCustomPrompt="1"/>
          </p:nvPr>
        </p:nvSpPr>
        <p:spPr>
          <a:xfrm rot="3356274">
            <a:off x="2886241" y="3489935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lobal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3907002" y="1635646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olitical/Legal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3907002" y="4011910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ociocultural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36" hasCustomPrompt="1"/>
          </p:nvPr>
        </p:nvSpPr>
        <p:spPr>
          <a:xfrm rot="3985697">
            <a:off x="5015607" y="2347200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conomic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37" hasCustomPrompt="1"/>
          </p:nvPr>
        </p:nvSpPr>
        <p:spPr>
          <a:xfrm rot="17573102">
            <a:off x="2792117" y="2371260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emographics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38" hasCustomPrompt="1"/>
          </p:nvPr>
        </p:nvSpPr>
        <p:spPr>
          <a:xfrm rot="18339205">
            <a:off x="4915872" y="3483714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Technological</a:t>
            </a:r>
          </a:p>
        </p:txBody>
      </p:sp>
      <p:cxnSp>
        <p:nvCxnSpPr>
          <p:cNvPr id="15" name="Straight Arrow Connector 14"/>
          <p:cNvCxnSpPr>
            <a:stCxn id="16" idx="1"/>
          </p:cNvCxnSpPr>
          <p:nvPr userDrawn="1"/>
        </p:nvCxnSpPr>
        <p:spPr>
          <a:xfrm flipH="1">
            <a:off x="5313851" y="1707654"/>
            <a:ext cx="791118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30"/>
          <p:cNvSpPr>
            <a:spLocks noGrp="1"/>
          </p:cNvSpPr>
          <p:nvPr>
            <p:ph type="body" sz="quarter" idx="159"/>
          </p:nvPr>
        </p:nvSpPr>
        <p:spPr>
          <a:xfrm>
            <a:off x="6104969" y="1491630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7" name="Straight Arrow Connector 16"/>
          <p:cNvCxnSpPr>
            <a:stCxn id="18" idx="1"/>
          </p:cNvCxnSpPr>
          <p:nvPr userDrawn="1"/>
        </p:nvCxnSpPr>
        <p:spPr>
          <a:xfrm flipH="1">
            <a:off x="6031681" y="2643758"/>
            <a:ext cx="288032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30"/>
          <p:cNvSpPr>
            <a:spLocks noGrp="1"/>
          </p:cNvSpPr>
          <p:nvPr>
            <p:ph type="body" sz="quarter" idx="160"/>
          </p:nvPr>
        </p:nvSpPr>
        <p:spPr>
          <a:xfrm>
            <a:off x="6319713" y="2427734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9" name="Straight Arrow Connector 18"/>
          <p:cNvCxnSpPr>
            <a:stCxn id="20" idx="1"/>
          </p:cNvCxnSpPr>
          <p:nvPr userDrawn="1"/>
        </p:nvCxnSpPr>
        <p:spPr>
          <a:xfrm flipH="1">
            <a:off x="5800724" y="3903825"/>
            <a:ext cx="288032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 Placeholder 30"/>
          <p:cNvSpPr>
            <a:spLocks noGrp="1"/>
          </p:cNvSpPr>
          <p:nvPr>
            <p:ph type="body" sz="quarter" idx="161"/>
          </p:nvPr>
        </p:nvSpPr>
        <p:spPr>
          <a:xfrm>
            <a:off x="6088756" y="3687801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1" name="Straight Arrow Connector 20"/>
          <p:cNvCxnSpPr>
            <a:stCxn id="22" idx="3"/>
          </p:cNvCxnSpPr>
          <p:nvPr userDrawn="1"/>
        </p:nvCxnSpPr>
        <p:spPr>
          <a:xfrm>
            <a:off x="2915817" y="2211710"/>
            <a:ext cx="319623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 Placeholder 30"/>
          <p:cNvSpPr>
            <a:spLocks noGrp="1"/>
          </p:cNvSpPr>
          <p:nvPr>
            <p:ph type="body" sz="quarter" idx="162"/>
          </p:nvPr>
        </p:nvSpPr>
        <p:spPr>
          <a:xfrm>
            <a:off x="683568" y="1995686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3" name="Straight Arrow Connector 22"/>
          <p:cNvCxnSpPr>
            <a:stCxn id="24" idx="3"/>
          </p:cNvCxnSpPr>
          <p:nvPr userDrawn="1"/>
        </p:nvCxnSpPr>
        <p:spPr>
          <a:xfrm>
            <a:off x="2915816" y="3435846"/>
            <a:ext cx="159812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30"/>
          <p:cNvSpPr>
            <a:spLocks noGrp="1"/>
          </p:cNvSpPr>
          <p:nvPr>
            <p:ph type="body" sz="quarter" idx="163"/>
          </p:nvPr>
        </p:nvSpPr>
        <p:spPr>
          <a:xfrm>
            <a:off x="683567" y="3219822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5" name="Straight Arrow Connector 24"/>
          <p:cNvCxnSpPr>
            <a:stCxn id="26" idx="3"/>
          </p:cNvCxnSpPr>
          <p:nvPr userDrawn="1"/>
        </p:nvCxnSpPr>
        <p:spPr>
          <a:xfrm>
            <a:off x="3491881" y="4443958"/>
            <a:ext cx="504055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 Placeholder 30"/>
          <p:cNvSpPr>
            <a:spLocks noGrp="1"/>
          </p:cNvSpPr>
          <p:nvPr>
            <p:ph type="body" sz="quarter" idx="164"/>
          </p:nvPr>
        </p:nvSpPr>
        <p:spPr>
          <a:xfrm>
            <a:off x="1259632" y="4227934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785431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7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7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7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7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9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615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75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8900"/>
                            </p:stCondLst>
                            <p:childTnLst>
                              <p:par>
                                <p:cTn id="50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9900"/>
                            </p:stCondLst>
                            <p:childTnLst>
                              <p:par>
                                <p:cTn id="54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6" dur="75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10650"/>
                            </p:stCondLst>
                            <p:childTnLst>
                              <p:par>
                                <p:cTn id="58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11150"/>
                            </p:stCondLst>
                            <p:childTnLst>
                              <p:par>
                                <p:cTn id="6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4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11900"/>
                            </p:stCondLst>
                            <p:childTnLst>
                              <p:par>
                                <p:cTn id="66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12400"/>
                            </p:stCondLst>
                            <p:childTnLst>
                              <p:par>
                                <p:cTn id="7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2" dur="75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3" fill="hold">
                            <p:stCondLst>
                              <p:cond delay="13150"/>
                            </p:stCondLst>
                            <p:childTnLst>
                              <p:par>
                                <p:cTn id="74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13650"/>
                            </p:stCondLst>
                            <p:childTnLst>
                              <p:par>
                                <p:cTn id="7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80" dur="75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14400"/>
                            </p:stCondLst>
                            <p:childTnLst>
                              <p:par>
                                <p:cTn id="82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84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14900"/>
                            </p:stCondLst>
                            <p:childTnLst>
                              <p:par>
                                <p:cTn id="86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88" dur="75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9" fill="hold">
                            <p:stCondLst>
                              <p:cond delay="15650"/>
                            </p:stCondLst>
                            <p:childTnLst>
                              <p:par>
                                <p:cTn id="90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2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3" fill="hold">
                            <p:stCondLst>
                              <p:cond delay="16150"/>
                            </p:stCondLst>
                            <p:childTnLst>
                              <p:par>
                                <p:cTn id="94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6" dur="75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27"/>
          <p:cNvSpPr>
            <a:spLocks noGrp="1"/>
          </p:cNvSpPr>
          <p:nvPr>
            <p:ph type="body" sz="quarter" idx="42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43" hasCustomPrompt="1"/>
          </p:nvPr>
        </p:nvSpPr>
        <p:spPr>
          <a:xfrm>
            <a:off x="3059832" y="483518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LIFE CYCLE</a:t>
            </a:r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 userDrawn="1"/>
        </p:nvCxnSpPr>
        <p:spPr>
          <a:xfrm flipV="1">
            <a:off x="1032130" y="1779662"/>
            <a:ext cx="0" cy="2446888"/>
          </a:xfrm>
          <a:prstGeom prst="straightConnector1">
            <a:avLst/>
          </a:prstGeom>
          <a:ln w="28575">
            <a:solidFill>
              <a:srgbClr val="968B7F"/>
            </a:solidFill>
            <a:headEnd type="non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/>
          <p:nvPr userDrawn="1"/>
        </p:nvCxnSpPr>
        <p:spPr>
          <a:xfrm>
            <a:off x="1032130" y="4226548"/>
            <a:ext cx="4896545" cy="0"/>
          </a:xfrm>
          <a:prstGeom prst="straightConnector1">
            <a:avLst/>
          </a:prstGeom>
          <a:ln w="28575">
            <a:solidFill>
              <a:srgbClr val="968B7F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Text Placeholder 27"/>
          <p:cNvSpPr>
            <a:spLocks noGrp="1"/>
          </p:cNvSpPr>
          <p:nvPr userDrawn="1">
            <p:ph type="body" sz="quarter" idx="164" hasCustomPrompt="1"/>
          </p:nvPr>
        </p:nvSpPr>
        <p:spPr>
          <a:xfrm rot="16200000">
            <a:off x="892" y="2872554"/>
            <a:ext cx="1626456" cy="261103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4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ale</a:t>
            </a:r>
            <a:endParaRPr lang="en-US" dirty="0"/>
          </a:p>
        </p:txBody>
      </p:sp>
      <p:sp>
        <p:nvSpPr>
          <p:cNvPr id="35" name="Text Placeholder 27"/>
          <p:cNvSpPr>
            <a:spLocks noGrp="1"/>
          </p:cNvSpPr>
          <p:nvPr userDrawn="1">
            <p:ph type="body" sz="quarter" idx="165" hasCustomPrompt="1"/>
          </p:nvPr>
        </p:nvSpPr>
        <p:spPr>
          <a:xfrm>
            <a:off x="1032130" y="4336066"/>
            <a:ext cx="1097280" cy="179899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troduction</a:t>
            </a:r>
            <a:endParaRPr lang="en-US" dirty="0"/>
          </a:p>
        </p:txBody>
      </p:sp>
      <p:sp>
        <p:nvSpPr>
          <p:cNvPr id="37" name="Text Placeholder 27"/>
          <p:cNvSpPr>
            <a:spLocks noGrp="1"/>
          </p:cNvSpPr>
          <p:nvPr userDrawn="1">
            <p:ph type="body" sz="quarter" idx="166" hasCustomPrompt="1"/>
          </p:nvPr>
        </p:nvSpPr>
        <p:spPr>
          <a:xfrm>
            <a:off x="2184258" y="4336065"/>
            <a:ext cx="1097280" cy="179899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rowth</a:t>
            </a:r>
            <a:endParaRPr lang="en-US" dirty="0"/>
          </a:p>
        </p:txBody>
      </p:sp>
      <p:sp>
        <p:nvSpPr>
          <p:cNvPr id="38" name="Text Placeholder 27"/>
          <p:cNvSpPr>
            <a:spLocks noGrp="1"/>
          </p:cNvSpPr>
          <p:nvPr userDrawn="1">
            <p:ph type="body" sz="quarter" idx="167" hasCustomPrompt="1"/>
          </p:nvPr>
        </p:nvSpPr>
        <p:spPr>
          <a:xfrm>
            <a:off x="3336386" y="4336065"/>
            <a:ext cx="1097280" cy="179899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turity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 userDrawn="1">
            <p:ph type="body" sz="quarter" idx="168" hasCustomPrompt="1"/>
          </p:nvPr>
        </p:nvSpPr>
        <p:spPr>
          <a:xfrm>
            <a:off x="4488514" y="4336065"/>
            <a:ext cx="1097280" cy="179899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ecline</a:t>
            </a:r>
            <a:endParaRPr lang="en-US" dirty="0"/>
          </a:p>
        </p:txBody>
      </p:sp>
      <p:sp>
        <p:nvSpPr>
          <p:cNvPr id="46" name="Text Placeholder 30"/>
          <p:cNvSpPr>
            <a:spLocks noGrp="1"/>
          </p:cNvSpPr>
          <p:nvPr>
            <p:ph type="body" sz="quarter" idx="145"/>
          </p:nvPr>
        </p:nvSpPr>
        <p:spPr>
          <a:xfrm>
            <a:off x="6156179" y="1635646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7" name="Text Placeholder 30"/>
          <p:cNvSpPr>
            <a:spLocks noGrp="1"/>
          </p:cNvSpPr>
          <p:nvPr>
            <p:ph type="body" sz="quarter" idx="169"/>
          </p:nvPr>
        </p:nvSpPr>
        <p:spPr>
          <a:xfrm>
            <a:off x="6156178" y="2211710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8" name="Text Placeholder 30"/>
          <p:cNvSpPr>
            <a:spLocks noGrp="1"/>
          </p:cNvSpPr>
          <p:nvPr>
            <p:ph type="body" sz="quarter" idx="170"/>
          </p:nvPr>
        </p:nvSpPr>
        <p:spPr>
          <a:xfrm>
            <a:off x="6156177" y="2787774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9" name="Text Placeholder 30"/>
          <p:cNvSpPr>
            <a:spLocks noGrp="1"/>
          </p:cNvSpPr>
          <p:nvPr>
            <p:ph type="body" sz="quarter" idx="171"/>
          </p:nvPr>
        </p:nvSpPr>
        <p:spPr>
          <a:xfrm>
            <a:off x="6156176" y="3363838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72"/>
          </p:nvPr>
        </p:nvSpPr>
        <p:spPr>
          <a:xfrm>
            <a:off x="6156176" y="3939902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74618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4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8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8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25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9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9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CEPT &amp; CASE STUDY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3518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ATTRIBUTE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 userDrawn="1"/>
        </p:nvSpPr>
        <p:spPr>
          <a:xfrm>
            <a:off x="0" y="1563638"/>
            <a:ext cx="1619672" cy="2952328"/>
          </a:xfrm>
          <a:prstGeom prst="rect">
            <a:avLst/>
          </a:prstGeom>
          <a:solidFill>
            <a:srgbClr val="9C8D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6337295" y="2597883"/>
            <a:ext cx="2806705" cy="883838"/>
          </a:xfrm>
          <a:prstGeom prst="rect">
            <a:avLst/>
          </a:prstGeom>
          <a:solidFill>
            <a:srgbClr val="9C8D7A"/>
          </a:solidFill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313573" y="1563638"/>
            <a:ext cx="546459" cy="883838"/>
          </a:xfrm>
          <a:prstGeom prst="rect">
            <a:avLst/>
          </a:prstGeom>
          <a:solidFill>
            <a:srgbClr val="9C8D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1763688" y="3632128"/>
            <a:ext cx="546459" cy="883838"/>
          </a:xfrm>
          <a:prstGeom prst="rect">
            <a:avLst/>
          </a:prstGeom>
          <a:solidFill>
            <a:srgbClr val="C2B59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45"/>
          </p:nvPr>
        </p:nvSpPr>
        <p:spPr>
          <a:xfrm>
            <a:off x="1762081" y="2597883"/>
            <a:ext cx="3047093" cy="883838"/>
          </a:xfrm>
          <a:prstGeom prst="rect">
            <a:avLst/>
          </a:prstGeom>
          <a:solidFill>
            <a:srgbClr val="C2B59E"/>
          </a:solidFill>
        </p:spPr>
        <p:txBody>
          <a:bodyPr lIns="91440" tIns="146304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2454163" y="3632128"/>
            <a:ext cx="2117837" cy="883838"/>
          </a:xfrm>
          <a:prstGeom prst="rect">
            <a:avLst/>
          </a:prstGeom>
          <a:noFill/>
          <a:ln>
            <a:solidFill>
              <a:srgbClr val="968B7F"/>
            </a:solidFill>
          </a:ln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Rectangle 14"/>
          <p:cNvSpPr/>
          <p:nvPr userDrawn="1"/>
        </p:nvSpPr>
        <p:spPr>
          <a:xfrm>
            <a:off x="4939965" y="2597883"/>
            <a:ext cx="1266539" cy="883838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47"/>
          </p:nvPr>
        </p:nvSpPr>
        <p:spPr>
          <a:xfrm>
            <a:off x="1762081" y="1563638"/>
            <a:ext cx="2405869" cy="883838"/>
          </a:xfrm>
          <a:prstGeom prst="rect">
            <a:avLst/>
          </a:prstGeom>
          <a:solidFill>
            <a:srgbClr val="73BCB1"/>
          </a:solidFill>
        </p:spPr>
        <p:txBody>
          <a:bodyPr lIns="91440" tIns="146304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5005271" y="1563638"/>
            <a:ext cx="2405869" cy="883838"/>
          </a:xfrm>
          <a:prstGeom prst="rect">
            <a:avLst/>
          </a:prstGeom>
          <a:noFill/>
          <a:ln>
            <a:solidFill>
              <a:srgbClr val="968B7F"/>
            </a:solidFill>
          </a:ln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149"/>
          </p:nvPr>
        </p:nvSpPr>
        <p:spPr>
          <a:xfrm>
            <a:off x="4751139" y="3632128"/>
            <a:ext cx="2405869" cy="883838"/>
          </a:xfrm>
          <a:prstGeom prst="rect">
            <a:avLst/>
          </a:prstGeom>
          <a:solidFill>
            <a:srgbClr val="73BCB1"/>
          </a:solidFill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7336147" y="3632128"/>
            <a:ext cx="1807853" cy="883838"/>
          </a:xfrm>
          <a:prstGeom prst="rect">
            <a:avLst/>
          </a:prstGeom>
          <a:solidFill>
            <a:srgbClr val="C2B59E"/>
          </a:solidFill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Rectangle 20"/>
          <p:cNvSpPr/>
          <p:nvPr userDrawn="1"/>
        </p:nvSpPr>
        <p:spPr>
          <a:xfrm>
            <a:off x="7556379" y="1563638"/>
            <a:ext cx="1587621" cy="883838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89725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22" presetClass="entr" presetSubtype="8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2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0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8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22" presetClass="entr" presetSubtype="2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6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22" presetClass="entr" presetSubtype="8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22" presetClass="entr" presetSubtype="8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22" presetClass="entr" presetSubtype="2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5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22" presetClass="entr" presetSubtype="2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8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22" presetClass="entr" presetSubtype="2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1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22" presetClass="entr" presetSubtype="8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2" fill="hold" grpId="0" nodeType="withEffect">
                                  <p:stCondLst>
                                    <p:cond delay="3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7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22" presetClass="entr" presetSubtype="8" fill="hold" grpId="0" nodeType="withEffect">
                                  <p:stCondLst>
                                    <p:cond delay="37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0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7" grpId="0" animBg="1">
        <p:tmplLst>
          <p:tmpl>
            <p:tnLst>
              <p:par>
                <p:cTn presetID="22" presetClass="entr" presetSubtype="2" fill="hold" nodeType="withEffect">
                  <p:stCondLst>
                    <p:cond delay="3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9" grpId="0" animBg="1"/>
      <p:bldP spid="10" grpId="0" animBg="1">
        <p:tmplLst>
          <p:tmpl>
            <p:tnLst>
              <p:par>
                <p:cTn presetID="22" presetClass="entr" presetSubtype="8" fill="hold" nodeType="withEffect">
                  <p:stCondLst>
                    <p:cond delay="2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>
        <p:tmplLst>
          <p:tmpl>
            <p:tnLst>
              <p:par>
                <p:cTn presetID="22" presetClass="entr" presetSubtype="2" fill="hold" nodeType="withEffect">
                  <p:stCondLst>
                    <p:cond delay="2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/>
      <p:bldP spid="16" grpId="0" animBg="1">
        <p:tmplLst>
          <p:tmpl>
            <p:tnLst>
              <p:par>
                <p:cTn presetID="22" presetClass="entr" presetSubtype="2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animBg="1">
        <p:tmplLst>
          <p:tmpl>
            <p:tnLst>
              <p:par>
                <p:cTn presetID="22" presetClass="entr" presetSubtype="2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>
        <p:tmplLst>
          <p:tmpl>
            <p:tnLst>
              <p:par>
                <p:cTn presetID="22" presetClass="entr" presetSubtype="8" fill="hold" nodeType="withEffect">
                  <p:stCondLst>
                    <p:cond delay="3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>
        <p:tmplLst>
          <p:tmpl>
            <p:tnLst>
              <p:par>
                <p:cTn presetID="22" presetClass="entr" presetSubtype="8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</p:bldLst>
  </p:timing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lowchart: Manual Operation 6"/>
          <p:cNvSpPr/>
          <p:nvPr userDrawn="1"/>
        </p:nvSpPr>
        <p:spPr>
          <a:xfrm rot="10800000">
            <a:off x="971600" y="3495635"/>
            <a:ext cx="3312368" cy="1076990"/>
          </a:xfrm>
          <a:custGeom>
            <a:avLst/>
            <a:gdLst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8000 w 10000"/>
              <a:gd name="connsiteY2" fmla="*/ 10000 h 10000"/>
              <a:gd name="connsiteX3" fmla="*/ 2000 w 10000"/>
              <a:gd name="connsiteY3" fmla="*/ 10000 h 10000"/>
              <a:gd name="connsiteX4" fmla="*/ 0 w 10000"/>
              <a:gd name="connsiteY4" fmla="*/ 0 h 10000"/>
              <a:gd name="connsiteX0" fmla="*/ 0 w 10000"/>
              <a:gd name="connsiteY0" fmla="*/ 0 h 10032"/>
              <a:gd name="connsiteX1" fmla="*/ 10000 w 10000"/>
              <a:gd name="connsiteY1" fmla="*/ 0 h 10032"/>
              <a:gd name="connsiteX2" fmla="*/ 8000 w 10000"/>
              <a:gd name="connsiteY2" fmla="*/ 10000 h 10032"/>
              <a:gd name="connsiteX3" fmla="*/ 1774 w 10000"/>
              <a:gd name="connsiteY3" fmla="*/ 10032 h 10032"/>
              <a:gd name="connsiteX4" fmla="*/ 0 w 10000"/>
              <a:gd name="connsiteY4" fmla="*/ 0 h 10032"/>
              <a:gd name="connsiteX0" fmla="*/ 0 w 10000"/>
              <a:gd name="connsiteY0" fmla="*/ 0 h 10032"/>
              <a:gd name="connsiteX1" fmla="*/ 10000 w 10000"/>
              <a:gd name="connsiteY1" fmla="*/ 0 h 10032"/>
              <a:gd name="connsiteX2" fmla="*/ 8216 w 10000"/>
              <a:gd name="connsiteY2" fmla="*/ 10000 h 10032"/>
              <a:gd name="connsiteX3" fmla="*/ 1774 w 10000"/>
              <a:gd name="connsiteY3" fmla="*/ 10032 h 10032"/>
              <a:gd name="connsiteX4" fmla="*/ 0 w 10000"/>
              <a:gd name="connsiteY4" fmla="*/ 0 h 10032"/>
              <a:gd name="connsiteX0" fmla="*/ 0 w 10000"/>
              <a:gd name="connsiteY0" fmla="*/ 0 h 10032"/>
              <a:gd name="connsiteX1" fmla="*/ 10000 w 10000"/>
              <a:gd name="connsiteY1" fmla="*/ 0 h 10032"/>
              <a:gd name="connsiteX2" fmla="*/ 8237 w 10000"/>
              <a:gd name="connsiteY2" fmla="*/ 9968 h 10032"/>
              <a:gd name="connsiteX3" fmla="*/ 1774 w 10000"/>
              <a:gd name="connsiteY3" fmla="*/ 10032 h 10032"/>
              <a:gd name="connsiteX4" fmla="*/ 0 w 10000"/>
              <a:gd name="connsiteY4" fmla="*/ 0 h 10032"/>
              <a:gd name="connsiteX0" fmla="*/ 0 w 10000"/>
              <a:gd name="connsiteY0" fmla="*/ 0 h 10032"/>
              <a:gd name="connsiteX1" fmla="*/ 10000 w 10000"/>
              <a:gd name="connsiteY1" fmla="*/ 0 h 10032"/>
              <a:gd name="connsiteX2" fmla="*/ 8216 w 10000"/>
              <a:gd name="connsiteY2" fmla="*/ 10031 h 10032"/>
              <a:gd name="connsiteX3" fmla="*/ 1774 w 10000"/>
              <a:gd name="connsiteY3" fmla="*/ 10032 h 10032"/>
              <a:gd name="connsiteX4" fmla="*/ 0 w 10000"/>
              <a:gd name="connsiteY4" fmla="*/ 0 h 100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32">
                <a:moveTo>
                  <a:pt x="0" y="0"/>
                </a:moveTo>
                <a:lnTo>
                  <a:pt x="10000" y="0"/>
                </a:lnTo>
                <a:lnTo>
                  <a:pt x="8216" y="10031"/>
                </a:lnTo>
                <a:lnTo>
                  <a:pt x="1774" y="10032"/>
                </a:lnTo>
                <a:lnTo>
                  <a:pt x="0" y="0"/>
                </a:lnTo>
                <a:close/>
              </a:path>
            </a:pathLst>
          </a:cu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8" name="Flowchart: Manual Operation 7"/>
          <p:cNvSpPr/>
          <p:nvPr userDrawn="1"/>
        </p:nvSpPr>
        <p:spPr>
          <a:xfrm rot="10800000">
            <a:off x="1576757" y="2808234"/>
            <a:ext cx="2092829" cy="642656"/>
          </a:xfrm>
          <a:custGeom>
            <a:avLst/>
            <a:gdLst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8000 w 10000"/>
              <a:gd name="connsiteY2" fmla="*/ 10000 h 10000"/>
              <a:gd name="connsiteX3" fmla="*/ 2000 w 10000"/>
              <a:gd name="connsiteY3" fmla="*/ 10000 h 10000"/>
              <a:gd name="connsiteX4" fmla="*/ 0 w 10000"/>
              <a:gd name="connsiteY4" fmla="*/ 0 h 10000"/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8295 w 10000"/>
              <a:gd name="connsiteY2" fmla="*/ 9947 h 10000"/>
              <a:gd name="connsiteX3" fmla="*/ 2000 w 10000"/>
              <a:gd name="connsiteY3" fmla="*/ 10000 h 10000"/>
              <a:gd name="connsiteX4" fmla="*/ 0 w 10000"/>
              <a:gd name="connsiteY4" fmla="*/ 0 h 10000"/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8311 w 10000"/>
              <a:gd name="connsiteY2" fmla="*/ 9999 h 10000"/>
              <a:gd name="connsiteX3" fmla="*/ 2000 w 10000"/>
              <a:gd name="connsiteY3" fmla="*/ 10000 h 10000"/>
              <a:gd name="connsiteX4" fmla="*/ 0 w 10000"/>
              <a:gd name="connsiteY4" fmla="*/ 0 h 10000"/>
              <a:gd name="connsiteX0" fmla="*/ 0 w 10000"/>
              <a:gd name="connsiteY0" fmla="*/ 0 h 10052"/>
              <a:gd name="connsiteX1" fmla="*/ 10000 w 10000"/>
              <a:gd name="connsiteY1" fmla="*/ 0 h 10052"/>
              <a:gd name="connsiteX2" fmla="*/ 8311 w 10000"/>
              <a:gd name="connsiteY2" fmla="*/ 9999 h 10052"/>
              <a:gd name="connsiteX3" fmla="*/ 1551 w 10000"/>
              <a:gd name="connsiteY3" fmla="*/ 10052 h 10052"/>
              <a:gd name="connsiteX4" fmla="*/ 0 w 10000"/>
              <a:gd name="connsiteY4" fmla="*/ 0 h 10052"/>
              <a:gd name="connsiteX0" fmla="*/ 0 w 10000"/>
              <a:gd name="connsiteY0" fmla="*/ 0 h 9999"/>
              <a:gd name="connsiteX1" fmla="*/ 10000 w 10000"/>
              <a:gd name="connsiteY1" fmla="*/ 0 h 9999"/>
              <a:gd name="connsiteX2" fmla="*/ 8311 w 10000"/>
              <a:gd name="connsiteY2" fmla="*/ 9999 h 9999"/>
              <a:gd name="connsiteX3" fmla="*/ 1535 w 10000"/>
              <a:gd name="connsiteY3" fmla="*/ 9948 h 9999"/>
              <a:gd name="connsiteX4" fmla="*/ 0 w 10000"/>
              <a:gd name="connsiteY4" fmla="*/ 0 h 9999"/>
              <a:gd name="connsiteX0" fmla="*/ 0 w 10096"/>
              <a:gd name="connsiteY0" fmla="*/ 0 h 10000"/>
              <a:gd name="connsiteX1" fmla="*/ 10096 w 10096"/>
              <a:gd name="connsiteY1" fmla="*/ 0 h 10000"/>
              <a:gd name="connsiteX2" fmla="*/ 8407 w 10096"/>
              <a:gd name="connsiteY2" fmla="*/ 10000 h 10000"/>
              <a:gd name="connsiteX3" fmla="*/ 1631 w 10096"/>
              <a:gd name="connsiteY3" fmla="*/ 9949 h 10000"/>
              <a:gd name="connsiteX4" fmla="*/ 0 w 10096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96" h="10000">
                <a:moveTo>
                  <a:pt x="0" y="0"/>
                </a:moveTo>
                <a:lnTo>
                  <a:pt x="10096" y="0"/>
                </a:lnTo>
                <a:lnTo>
                  <a:pt x="8407" y="10000"/>
                </a:lnTo>
                <a:lnTo>
                  <a:pt x="1631" y="9949"/>
                </a:lnTo>
                <a:lnTo>
                  <a:pt x="0" y="0"/>
                </a:lnTo>
                <a:close/>
              </a:path>
            </a:pathLst>
          </a:cu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9" name="Isosceles Triangle 8"/>
          <p:cNvSpPr/>
          <p:nvPr userDrawn="1"/>
        </p:nvSpPr>
        <p:spPr>
          <a:xfrm>
            <a:off x="1953413" y="1491630"/>
            <a:ext cx="1350801" cy="1268626"/>
          </a:xfrm>
          <a:custGeom>
            <a:avLst/>
            <a:gdLst>
              <a:gd name="connsiteX0" fmla="*/ 0 w 1428841"/>
              <a:gd name="connsiteY0" fmla="*/ 1292728 h 1292728"/>
              <a:gd name="connsiteX1" fmla="*/ 714421 w 1428841"/>
              <a:gd name="connsiteY1" fmla="*/ 0 h 1292728"/>
              <a:gd name="connsiteX2" fmla="*/ 1428841 w 1428841"/>
              <a:gd name="connsiteY2" fmla="*/ 1292728 h 1292728"/>
              <a:gd name="connsiteX3" fmla="*/ 0 w 1428841"/>
              <a:gd name="connsiteY3" fmla="*/ 1292728 h 1292728"/>
              <a:gd name="connsiteX0" fmla="*/ 0 w 1411457"/>
              <a:gd name="connsiteY0" fmla="*/ 1292728 h 1292728"/>
              <a:gd name="connsiteX1" fmla="*/ 714421 w 1411457"/>
              <a:gd name="connsiteY1" fmla="*/ 0 h 1292728"/>
              <a:gd name="connsiteX2" fmla="*/ 1411457 w 1411457"/>
              <a:gd name="connsiteY2" fmla="*/ 1292728 h 1292728"/>
              <a:gd name="connsiteX3" fmla="*/ 0 w 1411457"/>
              <a:gd name="connsiteY3" fmla="*/ 1292728 h 1292728"/>
              <a:gd name="connsiteX0" fmla="*/ 0 w 1373212"/>
              <a:gd name="connsiteY0" fmla="*/ 1292728 h 1292728"/>
              <a:gd name="connsiteX1" fmla="*/ 676176 w 1373212"/>
              <a:gd name="connsiteY1" fmla="*/ 0 h 1292728"/>
              <a:gd name="connsiteX2" fmla="*/ 1373212 w 1373212"/>
              <a:gd name="connsiteY2" fmla="*/ 1292728 h 1292728"/>
              <a:gd name="connsiteX3" fmla="*/ 0 w 1373212"/>
              <a:gd name="connsiteY3" fmla="*/ 1292728 h 1292728"/>
              <a:gd name="connsiteX0" fmla="*/ 0 w 1380166"/>
              <a:gd name="connsiteY0" fmla="*/ 1296205 h 1296205"/>
              <a:gd name="connsiteX1" fmla="*/ 683130 w 1380166"/>
              <a:gd name="connsiteY1" fmla="*/ 0 h 1296205"/>
              <a:gd name="connsiteX2" fmla="*/ 1380166 w 1380166"/>
              <a:gd name="connsiteY2" fmla="*/ 1292728 h 1296205"/>
              <a:gd name="connsiteX3" fmla="*/ 0 w 1380166"/>
              <a:gd name="connsiteY3" fmla="*/ 1296205 h 12962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380166" h="1296205">
                <a:moveTo>
                  <a:pt x="0" y="1296205"/>
                </a:moveTo>
                <a:lnTo>
                  <a:pt x="683130" y="0"/>
                </a:lnTo>
                <a:lnTo>
                  <a:pt x="1380166" y="1292728"/>
                </a:lnTo>
                <a:lnTo>
                  <a:pt x="0" y="1296205"/>
                </a:lnTo>
                <a:close/>
              </a:path>
            </a:pathLst>
          </a:cu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" name="Text Placeholder 30"/>
          <p:cNvSpPr>
            <a:spLocks noGrp="1"/>
          </p:cNvSpPr>
          <p:nvPr userDrawn="1">
            <p:ph type="body" sz="quarter" idx="81"/>
          </p:nvPr>
        </p:nvSpPr>
        <p:spPr>
          <a:xfrm>
            <a:off x="3419872" y="1923678"/>
            <a:ext cx="2236866" cy="428744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r">
              <a:buNone/>
              <a:defRPr sz="1100" b="1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4" name="Text Placeholder 30"/>
          <p:cNvSpPr>
            <a:spLocks noGrp="1"/>
          </p:cNvSpPr>
          <p:nvPr userDrawn="1">
            <p:ph type="body" sz="quarter" idx="82"/>
          </p:nvPr>
        </p:nvSpPr>
        <p:spPr>
          <a:xfrm>
            <a:off x="3836495" y="2832889"/>
            <a:ext cx="1810163" cy="426597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r">
              <a:buNone/>
              <a:defRPr sz="1100" b="1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" name="Text Placeholder 30"/>
          <p:cNvSpPr>
            <a:spLocks noGrp="1"/>
          </p:cNvSpPr>
          <p:nvPr userDrawn="1">
            <p:ph type="body" sz="quarter" idx="83"/>
          </p:nvPr>
        </p:nvSpPr>
        <p:spPr>
          <a:xfrm>
            <a:off x="4236671" y="3700290"/>
            <a:ext cx="1435494" cy="428744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r">
              <a:buNone/>
              <a:defRPr sz="1100" b="1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cxnSp>
        <p:nvCxnSpPr>
          <p:cNvPr id="10" name="Straight Arrow Connector 9"/>
          <p:cNvCxnSpPr/>
          <p:nvPr userDrawn="1"/>
        </p:nvCxnSpPr>
        <p:spPr>
          <a:xfrm>
            <a:off x="3419872" y="2307306"/>
            <a:ext cx="2245646" cy="0"/>
          </a:xfrm>
          <a:prstGeom prst="straightConnector1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/>
          <p:cNvCxnSpPr/>
          <p:nvPr userDrawn="1"/>
        </p:nvCxnSpPr>
        <p:spPr>
          <a:xfrm>
            <a:off x="3923928" y="3214370"/>
            <a:ext cx="1741590" cy="0"/>
          </a:xfrm>
          <a:prstGeom prst="straightConnector1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 userDrawn="1"/>
        </p:nvCxnSpPr>
        <p:spPr>
          <a:xfrm>
            <a:off x="4427984" y="4096512"/>
            <a:ext cx="1237534" cy="0"/>
          </a:xfrm>
          <a:prstGeom prst="straightConnector1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Picture Placeholder 6"/>
          <p:cNvSpPr>
            <a:spLocks noGrp="1" noChangeAspect="1"/>
          </p:cNvSpPr>
          <p:nvPr userDrawn="1">
            <p:ph type="pic" sz="quarter" idx="49" hasCustomPrompt="1"/>
          </p:nvPr>
        </p:nvSpPr>
        <p:spPr>
          <a:xfrm>
            <a:off x="5938514" y="1779662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4</a:t>
            </a:r>
          </a:p>
        </p:txBody>
      </p:sp>
      <p:sp>
        <p:nvSpPr>
          <p:cNvPr id="14" name="Picture Placeholder 6"/>
          <p:cNvSpPr>
            <a:spLocks noGrp="1" noChangeAspect="1"/>
          </p:cNvSpPr>
          <p:nvPr userDrawn="1">
            <p:ph type="pic" sz="quarter" idx="50" hasCustomPrompt="1"/>
          </p:nvPr>
        </p:nvSpPr>
        <p:spPr>
          <a:xfrm>
            <a:off x="5938514" y="2726988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4</a:t>
            </a:r>
          </a:p>
        </p:txBody>
      </p:sp>
      <p:sp>
        <p:nvSpPr>
          <p:cNvPr id="15" name="Picture Placeholder 6"/>
          <p:cNvSpPr>
            <a:spLocks noGrp="1" noChangeAspect="1"/>
          </p:cNvSpPr>
          <p:nvPr userDrawn="1">
            <p:ph type="pic" sz="quarter" idx="51" hasCustomPrompt="1"/>
          </p:nvPr>
        </p:nvSpPr>
        <p:spPr>
          <a:xfrm>
            <a:off x="5938514" y="3579862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4</a:t>
            </a:r>
          </a:p>
        </p:txBody>
      </p:sp>
      <p:sp>
        <p:nvSpPr>
          <p:cNvPr id="16" name="Text Placeholder 30"/>
          <p:cNvSpPr>
            <a:spLocks noGrp="1"/>
          </p:cNvSpPr>
          <p:nvPr userDrawn="1">
            <p:ph type="body" sz="quarter" idx="78"/>
          </p:nvPr>
        </p:nvSpPr>
        <p:spPr>
          <a:xfrm>
            <a:off x="6518479" y="1792376"/>
            <a:ext cx="1797937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 userDrawn="1">
            <p:ph type="body" sz="quarter" idx="79"/>
          </p:nvPr>
        </p:nvSpPr>
        <p:spPr>
          <a:xfrm>
            <a:off x="6518479" y="2706624"/>
            <a:ext cx="1797937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 userDrawn="1">
            <p:ph type="body" sz="quarter" idx="80"/>
          </p:nvPr>
        </p:nvSpPr>
        <p:spPr>
          <a:xfrm>
            <a:off x="6518479" y="3592576"/>
            <a:ext cx="1797937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27"/>
          <p:cNvSpPr>
            <a:spLocks noGrp="1"/>
          </p:cNvSpPr>
          <p:nvPr userDrawn="1">
            <p:ph type="body" sz="quarter" idx="41"/>
          </p:nvPr>
        </p:nvSpPr>
        <p:spPr>
          <a:xfrm>
            <a:off x="1422063" y="915566"/>
            <a:ext cx="668868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0" name="Text Placeholder 27"/>
          <p:cNvSpPr>
            <a:spLocks noGrp="1"/>
          </p:cNvSpPr>
          <p:nvPr userDrawn="1">
            <p:ph type="body" sz="quarter" idx="42" hasCustomPrompt="1"/>
          </p:nvPr>
        </p:nvSpPr>
        <p:spPr>
          <a:xfrm>
            <a:off x="1403648" y="483518"/>
            <a:ext cx="6719971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DICATIVE ROLES</a:t>
            </a:r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 Placeholder 27"/>
          <p:cNvSpPr>
            <a:spLocks noGrp="1"/>
          </p:cNvSpPr>
          <p:nvPr userDrawn="1">
            <p:ph type="body" sz="quarter" idx="100" hasCustomPrompt="1"/>
          </p:nvPr>
        </p:nvSpPr>
        <p:spPr>
          <a:xfrm rot="17888679">
            <a:off x="-91440" y="2852586"/>
            <a:ext cx="3473870" cy="270901"/>
          </a:xfrm>
          <a:prstGeom prst="rect">
            <a:avLst/>
          </a:prstGeom>
        </p:spPr>
        <p:txBody>
          <a:bodyPr lIns="64008" rIns="0"/>
          <a:lstStyle>
            <a:lvl1pPr marL="0" indent="0" algn="l">
              <a:spcBef>
                <a:spcPts val="0"/>
              </a:spcBef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ROLE AND RESPONSIBILITIES ----&gt;</a:t>
            </a:r>
          </a:p>
        </p:txBody>
      </p:sp>
      <p:sp>
        <p:nvSpPr>
          <p:cNvPr id="25" name="Text Placeholder 30"/>
          <p:cNvSpPr>
            <a:spLocks noGrp="1"/>
          </p:cNvSpPr>
          <p:nvPr userDrawn="1">
            <p:ph type="body" sz="quarter" idx="101"/>
          </p:nvPr>
        </p:nvSpPr>
        <p:spPr>
          <a:xfrm>
            <a:off x="2123728" y="2355726"/>
            <a:ext cx="1012730" cy="428744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ctr">
              <a:buNone/>
              <a:defRPr sz="1100" b="1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6" name="Text Placeholder 30"/>
          <p:cNvSpPr>
            <a:spLocks noGrp="1"/>
          </p:cNvSpPr>
          <p:nvPr userDrawn="1">
            <p:ph type="body" sz="quarter" idx="102"/>
          </p:nvPr>
        </p:nvSpPr>
        <p:spPr>
          <a:xfrm>
            <a:off x="1763688" y="3147814"/>
            <a:ext cx="1656184" cy="282581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ctr">
              <a:buNone/>
              <a:defRPr sz="1100" b="1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7" name="Text Placeholder 30"/>
          <p:cNvSpPr>
            <a:spLocks noGrp="1"/>
          </p:cNvSpPr>
          <p:nvPr userDrawn="1">
            <p:ph type="body" sz="quarter" idx="103"/>
          </p:nvPr>
        </p:nvSpPr>
        <p:spPr>
          <a:xfrm>
            <a:off x="1187624" y="4277078"/>
            <a:ext cx="2880319" cy="284003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ctr">
              <a:buNone/>
              <a:defRPr sz="1100" b="1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3081647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4" fill="hold" grpId="0" nodeType="withEffect">
                                  <p:stCondLst>
                                    <p:cond delay="4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4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050"/>
                            </p:stCondLst>
                            <p:childTnLst>
                              <p:par>
                                <p:cTn id="26" presetID="22" presetClass="entr" presetSubtype="4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8" dur="75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300"/>
                            </p:stCondLst>
                            <p:childTnLst>
                              <p:par>
                                <p:cTn id="30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800"/>
                            </p:stCondLst>
                            <p:childTnLst>
                              <p:par>
                                <p:cTn id="34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300"/>
                            </p:stCondLst>
                            <p:childTnLst>
                              <p:par>
                                <p:cTn id="38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800"/>
                            </p:stCondLst>
                            <p:childTnLst>
                              <p:par>
                                <p:cTn id="42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8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8050"/>
                            </p:stCondLst>
                            <p:childTnLst>
                              <p:par>
                                <p:cTn id="49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1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22" presetClass="entr" presetSubtype="8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4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9300"/>
                            </p:stCondLst>
                            <p:childTnLst>
                              <p:par>
                                <p:cTn id="56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5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8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22" presetClass="entr" presetSubtype="8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1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105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11550"/>
                            </p:stCondLst>
                            <p:childTnLst>
                              <p:par>
                                <p:cTn id="7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12550"/>
                            </p:stCondLst>
                            <p:childTnLst>
                              <p:par>
                                <p:cTn id="7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  <p:bldP spid="3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/>
      <p:bldP spid="14" grpId="0"/>
      <p:bldP spid="15" grpId="0"/>
      <p:bldP spid="1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8114" y="1347614"/>
            <a:ext cx="6053108" cy="3487117"/>
          </a:xfrm>
          <a:prstGeom prst="rect">
            <a:avLst/>
          </a:prstGeom>
        </p:spPr>
      </p:pic>
      <p:sp>
        <p:nvSpPr>
          <p:cNvPr id="19" name="Picture Placeholder 6"/>
          <p:cNvSpPr>
            <a:spLocks noGrp="1"/>
          </p:cNvSpPr>
          <p:nvPr>
            <p:ph type="pic" sz="quarter" idx="43"/>
          </p:nvPr>
        </p:nvSpPr>
        <p:spPr>
          <a:xfrm>
            <a:off x="1109093" y="1514711"/>
            <a:ext cx="1505645" cy="148908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2611844" y="1514711"/>
            <a:ext cx="1517904" cy="148908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45"/>
          </p:nvPr>
        </p:nvSpPr>
        <p:spPr>
          <a:xfrm>
            <a:off x="4121122" y="1514711"/>
            <a:ext cx="1505645" cy="148908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46"/>
          </p:nvPr>
        </p:nvSpPr>
        <p:spPr>
          <a:xfrm>
            <a:off x="1109092" y="3006541"/>
            <a:ext cx="1508400" cy="148908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48"/>
          </p:nvPr>
        </p:nvSpPr>
        <p:spPr>
          <a:xfrm>
            <a:off x="4121122" y="3006541"/>
            <a:ext cx="1505645" cy="148908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49"/>
          </p:nvPr>
        </p:nvSpPr>
        <p:spPr>
          <a:xfrm>
            <a:off x="2614988" y="3003799"/>
            <a:ext cx="1508760" cy="1491830"/>
          </a:xfrm>
          <a:prstGeom prst="rect">
            <a:avLst/>
          </a:prstGeom>
          <a:solidFill>
            <a:srgbClr val="73BCB1"/>
          </a:solidFill>
        </p:spPr>
        <p:txBody>
          <a:bodyPr lIns="137160" rIns="13716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6171264" y="1275607"/>
            <a:ext cx="2505192" cy="3220022"/>
          </a:xfrm>
          <a:prstGeom prst="rect">
            <a:avLst/>
          </a:prstGeom>
        </p:spPr>
        <p:txBody>
          <a:bodyPr tIns="18288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908923" y="758952"/>
            <a:ext cx="47468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C BOOK PRO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899592" y="339502"/>
            <a:ext cx="4769043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NY PROFILE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5783560" y="457200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259113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8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5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8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85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100"/>
                            </p:stCondLst>
                            <p:childTnLst>
                              <p:par>
                                <p:cTn id="44" presetID="22" presetClass="entr" presetSubtype="8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6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  <p:bldP spid="20" grpId="0" animBg="1"/>
      <p:bldP spid="21" grpId="0" animBg="1"/>
      <p:bldP spid="22" grpId="0" animBg="1"/>
      <p:bldP spid="24" grpId="0" animBg="1"/>
      <p:bldP spid="25" grpId="0" uiExpand="1" build="p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22" presetClass="entr" presetSubtype="8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285553" y="915566"/>
            <a:ext cx="4825191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8 STEPS PROCESS </a:t>
            </a:r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275856" y="483518"/>
            <a:ext cx="484776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DEVELOPMENT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 Placeholder 30"/>
          <p:cNvSpPr>
            <a:spLocks noGrp="1"/>
          </p:cNvSpPr>
          <p:nvPr>
            <p:ph type="body" sz="quarter" idx="98" hasCustomPrompt="1"/>
          </p:nvPr>
        </p:nvSpPr>
        <p:spPr>
          <a:xfrm>
            <a:off x="1465694" y="3360600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UNCOVER OPPORTUNITIES</a:t>
            </a:r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167" hasCustomPrompt="1"/>
          </p:nvPr>
        </p:nvSpPr>
        <p:spPr>
          <a:xfrm>
            <a:off x="1178351" y="843558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NCEPT IDEA GENERATION</a:t>
            </a:r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169" hasCustomPrompt="1"/>
          </p:nvPr>
        </p:nvSpPr>
        <p:spPr>
          <a:xfrm>
            <a:off x="2216214" y="1865376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NCEPT   TESTING</a:t>
            </a:r>
          </a:p>
        </p:txBody>
      </p:sp>
      <p:sp>
        <p:nvSpPr>
          <p:cNvPr id="9" name="Text Placeholder 30"/>
          <p:cNvSpPr>
            <a:spLocks noGrp="1"/>
          </p:cNvSpPr>
          <p:nvPr>
            <p:ph type="body" sz="quarter" idx="171" hasCustomPrompt="1"/>
          </p:nvPr>
        </p:nvSpPr>
        <p:spPr>
          <a:xfrm>
            <a:off x="1971281" y="4055585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EVALUATE &amp; REFINE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73" hasCustomPrompt="1"/>
          </p:nvPr>
        </p:nvSpPr>
        <p:spPr>
          <a:xfrm>
            <a:off x="3980438" y="2615184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NCEPT   TESTING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75" hasCustomPrompt="1"/>
          </p:nvPr>
        </p:nvSpPr>
        <p:spPr>
          <a:xfrm>
            <a:off x="5162606" y="4489704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EATE PROTOTYPES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177" hasCustomPrompt="1"/>
          </p:nvPr>
        </p:nvSpPr>
        <p:spPr>
          <a:xfrm>
            <a:off x="6156176" y="3852630"/>
            <a:ext cx="630488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DEA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79" hasCustomPrompt="1"/>
          </p:nvPr>
        </p:nvSpPr>
        <p:spPr>
          <a:xfrm>
            <a:off x="7966549" y="1848933"/>
            <a:ext cx="997939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AUNCH</a:t>
            </a:r>
          </a:p>
        </p:txBody>
      </p:sp>
      <p:sp>
        <p:nvSpPr>
          <p:cNvPr id="14" name="Bent Arrow 13"/>
          <p:cNvSpPr/>
          <p:nvPr userDrawn="1"/>
        </p:nvSpPr>
        <p:spPr>
          <a:xfrm>
            <a:off x="6930679" y="1964912"/>
            <a:ext cx="377625" cy="1110894"/>
          </a:xfrm>
          <a:prstGeom prst="bentArrow">
            <a:avLst>
              <a:gd name="adj1" fmla="val 25000"/>
              <a:gd name="adj2" fmla="val 19678"/>
              <a:gd name="adj3" fmla="val 0"/>
              <a:gd name="adj4" fmla="val 43750"/>
            </a:avLst>
          </a:prstGeom>
          <a:solidFill>
            <a:srgbClr val="C4BEB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5" name="Bent Arrow 14"/>
          <p:cNvSpPr/>
          <p:nvPr userDrawn="1"/>
        </p:nvSpPr>
        <p:spPr>
          <a:xfrm rot="10800000">
            <a:off x="6069623" y="3693672"/>
            <a:ext cx="950649" cy="606267"/>
          </a:xfrm>
          <a:prstGeom prst="bentArrow">
            <a:avLst>
              <a:gd name="adj1" fmla="val 14193"/>
              <a:gd name="adj2" fmla="val 25000"/>
              <a:gd name="adj3" fmla="val 0"/>
              <a:gd name="adj4" fmla="val 43750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6" name="Bent Arrow 15"/>
          <p:cNvSpPr/>
          <p:nvPr userDrawn="1"/>
        </p:nvSpPr>
        <p:spPr>
          <a:xfrm rot="5400000">
            <a:off x="5083325" y="3011069"/>
            <a:ext cx="576063" cy="993571"/>
          </a:xfrm>
          <a:prstGeom prst="bentArrow">
            <a:avLst>
              <a:gd name="adj1" fmla="val 15193"/>
              <a:gd name="adj2" fmla="val 25000"/>
              <a:gd name="adj3" fmla="val 0"/>
              <a:gd name="adj4" fmla="val 43750"/>
            </a:avLst>
          </a:prstGeom>
          <a:solidFill>
            <a:srgbClr val="C4BEB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7" name="Bent Arrow 16"/>
          <p:cNvSpPr/>
          <p:nvPr userDrawn="1"/>
        </p:nvSpPr>
        <p:spPr>
          <a:xfrm rot="10800000">
            <a:off x="3794453" y="3579861"/>
            <a:ext cx="759406" cy="913905"/>
          </a:xfrm>
          <a:prstGeom prst="bentArrow">
            <a:avLst>
              <a:gd name="adj1" fmla="val 11834"/>
              <a:gd name="adj2" fmla="val 25000"/>
              <a:gd name="adj3" fmla="val 0"/>
              <a:gd name="adj4" fmla="val 43750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8" name="Bent Arrow 17"/>
          <p:cNvSpPr/>
          <p:nvPr userDrawn="1"/>
        </p:nvSpPr>
        <p:spPr>
          <a:xfrm flipH="1">
            <a:off x="3118123" y="2486295"/>
            <a:ext cx="379481" cy="1453607"/>
          </a:xfrm>
          <a:prstGeom prst="bentArrow">
            <a:avLst>
              <a:gd name="adj1" fmla="val 25000"/>
              <a:gd name="adj2" fmla="val 25000"/>
              <a:gd name="adj3" fmla="val 0"/>
              <a:gd name="adj4" fmla="val 43750"/>
            </a:avLst>
          </a:prstGeom>
          <a:solidFill>
            <a:srgbClr val="C4BEB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9" name="Bent Arrow 18"/>
          <p:cNvSpPr/>
          <p:nvPr userDrawn="1"/>
        </p:nvSpPr>
        <p:spPr>
          <a:xfrm rot="16200000">
            <a:off x="1632587" y="1827155"/>
            <a:ext cx="783681" cy="849524"/>
          </a:xfrm>
          <a:prstGeom prst="bentArrow">
            <a:avLst>
              <a:gd name="adj1" fmla="val 11496"/>
              <a:gd name="adj2" fmla="val 25000"/>
              <a:gd name="adj3" fmla="val 0"/>
              <a:gd name="adj4" fmla="val 43750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20" name="Bent Arrow 19"/>
          <p:cNvSpPr/>
          <p:nvPr userDrawn="1"/>
        </p:nvSpPr>
        <p:spPr>
          <a:xfrm>
            <a:off x="1061524" y="1382588"/>
            <a:ext cx="377625" cy="1973098"/>
          </a:xfrm>
          <a:prstGeom prst="bentArrow">
            <a:avLst>
              <a:gd name="adj1" fmla="val 25000"/>
              <a:gd name="adj2" fmla="val 25000"/>
              <a:gd name="adj3" fmla="val 0"/>
              <a:gd name="adj4" fmla="val 43750"/>
            </a:avLst>
          </a:prstGeom>
          <a:solidFill>
            <a:srgbClr val="C4BEB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21" name="Oval 20"/>
          <p:cNvSpPr/>
          <p:nvPr userDrawn="1"/>
        </p:nvSpPr>
        <p:spPr>
          <a:xfrm>
            <a:off x="6618980" y="3003798"/>
            <a:ext cx="689324" cy="689324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2" name="Picture Placeholder 6"/>
          <p:cNvSpPr>
            <a:spLocks noGrp="1" noChangeAspect="1"/>
          </p:cNvSpPr>
          <p:nvPr>
            <p:ph type="pic" sz="quarter" idx="181" hasCustomPrompt="1"/>
          </p:nvPr>
        </p:nvSpPr>
        <p:spPr>
          <a:xfrm>
            <a:off x="6708331" y="3087148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Oval 22"/>
          <p:cNvSpPr/>
          <p:nvPr userDrawn="1"/>
        </p:nvSpPr>
        <p:spPr>
          <a:xfrm>
            <a:off x="5391366" y="3783686"/>
            <a:ext cx="689324" cy="689324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4" name="Picture Placeholder 6"/>
          <p:cNvSpPr>
            <a:spLocks noGrp="1" noChangeAspect="1"/>
          </p:cNvSpPr>
          <p:nvPr>
            <p:ph type="pic" sz="quarter" idx="182" hasCustomPrompt="1"/>
          </p:nvPr>
        </p:nvSpPr>
        <p:spPr>
          <a:xfrm>
            <a:off x="5480717" y="3867036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Oval 24"/>
          <p:cNvSpPr/>
          <p:nvPr userDrawn="1"/>
        </p:nvSpPr>
        <p:spPr>
          <a:xfrm>
            <a:off x="4209198" y="2964560"/>
            <a:ext cx="689324" cy="689324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6" name="Picture Placeholder 6"/>
          <p:cNvSpPr>
            <a:spLocks noGrp="1" noChangeAspect="1"/>
          </p:cNvSpPr>
          <p:nvPr>
            <p:ph type="pic" sz="quarter" idx="183" hasCustomPrompt="1"/>
          </p:nvPr>
        </p:nvSpPr>
        <p:spPr>
          <a:xfrm>
            <a:off x="4298549" y="3047910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Oval 26"/>
          <p:cNvSpPr/>
          <p:nvPr userDrawn="1"/>
        </p:nvSpPr>
        <p:spPr>
          <a:xfrm>
            <a:off x="3169981" y="3893009"/>
            <a:ext cx="689324" cy="689324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8" name="Picture Placeholder 6"/>
          <p:cNvSpPr>
            <a:spLocks noGrp="1" noChangeAspect="1"/>
          </p:cNvSpPr>
          <p:nvPr>
            <p:ph type="pic" sz="quarter" idx="184" hasCustomPrompt="1"/>
          </p:nvPr>
        </p:nvSpPr>
        <p:spPr>
          <a:xfrm>
            <a:off x="3259332" y="3976359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9" name="Oval 28"/>
          <p:cNvSpPr/>
          <p:nvPr userDrawn="1"/>
        </p:nvSpPr>
        <p:spPr>
          <a:xfrm>
            <a:off x="2444974" y="2219065"/>
            <a:ext cx="689324" cy="689324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0" name="Picture Placeholder 6"/>
          <p:cNvSpPr>
            <a:spLocks noGrp="1" noChangeAspect="1"/>
          </p:cNvSpPr>
          <p:nvPr>
            <p:ph type="pic" sz="quarter" idx="185" hasCustomPrompt="1"/>
          </p:nvPr>
        </p:nvSpPr>
        <p:spPr>
          <a:xfrm>
            <a:off x="2534325" y="2302415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Oval 30"/>
          <p:cNvSpPr/>
          <p:nvPr userDrawn="1"/>
        </p:nvSpPr>
        <p:spPr>
          <a:xfrm>
            <a:off x="1407111" y="1196728"/>
            <a:ext cx="689324" cy="689324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" name="Picture Placeholder 6"/>
          <p:cNvSpPr>
            <a:spLocks noGrp="1" noChangeAspect="1"/>
          </p:cNvSpPr>
          <p:nvPr>
            <p:ph type="pic" sz="quarter" idx="186" hasCustomPrompt="1"/>
          </p:nvPr>
        </p:nvSpPr>
        <p:spPr>
          <a:xfrm>
            <a:off x="1496462" y="1280078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3" name="Oval 32"/>
          <p:cNvSpPr/>
          <p:nvPr userDrawn="1"/>
        </p:nvSpPr>
        <p:spPr>
          <a:xfrm>
            <a:off x="755576" y="3198024"/>
            <a:ext cx="689324" cy="689324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4" name="Picture Placeholder 6"/>
          <p:cNvSpPr>
            <a:spLocks noGrp="1" noChangeAspect="1"/>
          </p:cNvSpPr>
          <p:nvPr>
            <p:ph type="pic" sz="quarter" idx="187" hasCustomPrompt="1"/>
          </p:nvPr>
        </p:nvSpPr>
        <p:spPr>
          <a:xfrm>
            <a:off x="844927" y="3281374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Oval 34"/>
          <p:cNvSpPr/>
          <p:nvPr userDrawn="1"/>
        </p:nvSpPr>
        <p:spPr>
          <a:xfrm>
            <a:off x="7250838" y="1707654"/>
            <a:ext cx="689324" cy="689324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6" name="Picture Placeholder 6"/>
          <p:cNvSpPr>
            <a:spLocks noGrp="1" noChangeAspect="1"/>
          </p:cNvSpPr>
          <p:nvPr>
            <p:ph type="pic" sz="quarter" idx="180" hasCustomPrompt="1"/>
          </p:nvPr>
        </p:nvSpPr>
        <p:spPr>
          <a:xfrm>
            <a:off x="7340189" y="1791004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188" hasCustomPrompt="1"/>
          </p:nvPr>
        </p:nvSpPr>
        <p:spPr>
          <a:xfrm>
            <a:off x="7351776" y="3147814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IVE MARKET TESTING</a:t>
            </a:r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189" hasCustomPrompt="1"/>
          </p:nvPr>
        </p:nvSpPr>
        <p:spPr>
          <a:xfrm rot="16200000">
            <a:off x="2912278" y="3104408"/>
            <a:ext cx="1464428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EATIVE THINKING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190" hasCustomPrompt="1"/>
          </p:nvPr>
        </p:nvSpPr>
        <p:spPr>
          <a:xfrm rot="16200000">
            <a:off x="145338" y="2225877"/>
            <a:ext cx="1584176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DEA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192" hasCustomPrompt="1"/>
          </p:nvPr>
        </p:nvSpPr>
        <p:spPr>
          <a:xfrm>
            <a:off x="1766344" y="2635478"/>
            <a:ext cx="769425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RESEARCH</a:t>
            </a:r>
          </a:p>
        </p:txBody>
      </p:sp>
      <p:sp>
        <p:nvSpPr>
          <p:cNvPr id="41" name="Text Placeholder 30"/>
          <p:cNvSpPr>
            <a:spLocks noGrp="1"/>
          </p:cNvSpPr>
          <p:nvPr>
            <p:ph type="body" sz="quarter" idx="193" hasCustomPrompt="1"/>
          </p:nvPr>
        </p:nvSpPr>
        <p:spPr>
          <a:xfrm rot="16200000">
            <a:off x="6405369" y="2350718"/>
            <a:ext cx="769425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RESEARCH</a:t>
            </a:r>
          </a:p>
        </p:txBody>
      </p:sp>
    </p:spTree>
    <p:extLst>
      <p:ext uri="{BB962C8B-B14F-4D97-AF65-F5344CB8AC3E}">
        <p14:creationId xmlns:p14="http://schemas.microsoft.com/office/powerpoint/2010/main" val="14245386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3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0"/>
                            </p:stCondLst>
                            <p:childTnLst>
                              <p:par>
                                <p:cTn id="27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29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0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3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6750"/>
                            </p:stCondLst>
                            <p:childTnLst>
                              <p:par>
                                <p:cTn id="41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7250"/>
                            </p:stCondLst>
                            <p:childTnLst>
                              <p:par>
                                <p:cTn id="45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47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4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8250"/>
                            </p:stCondLst>
                            <p:childTnLst>
                              <p:par>
                                <p:cTn id="5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3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9000"/>
                            </p:stCondLst>
                            <p:childTnLst>
                              <p:par>
                                <p:cTn id="59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9500"/>
                            </p:stCondLst>
                            <p:childTnLst>
                              <p:par>
                                <p:cTn id="63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65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10500"/>
                            </p:stCondLst>
                            <p:childTnLst>
                              <p:par>
                                <p:cTn id="7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3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11250"/>
                            </p:stCondLst>
                            <p:childTnLst>
                              <p:par>
                                <p:cTn id="77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11750"/>
                            </p:stCondLst>
                            <p:childTnLst>
                              <p:par>
                                <p:cTn id="81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83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2750"/>
                            </p:stCondLst>
                            <p:childTnLst>
                              <p:par>
                                <p:cTn id="8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3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1" fill="hold">
                            <p:stCondLst>
                              <p:cond delay="13500"/>
                            </p:stCondLst>
                            <p:childTnLst>
                              <p:par>
                                <p:cTn id="92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5" fill="hold">
                            <p:stCondLst>
                              <p:cond delay="14000"/>
                            </p:stCondLst>
                            <p:childTnLst>
                              <p:par>
                                <p:cTn id="96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98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9" fill="hold">
                            <p:stCondLst>
                              <p:cond delay="15000"/>
                            </p:stCondLst>
                            <p:childTnLst>
                              <p:par>
                                <p:cTn id="10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3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15750"/>
                            </p:stCondLst>
                            <p:childTnLst>
                              <p:par>
                                <p:cTn id="10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0" fill="hold">
                            <p:stCondLst>
                              <p:cond delay="16250"/>
                            </p:stCondLst>
                            <p:childTnLst>
                              <p:par>
                                <p:cTn id="111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113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6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7" fill="hold">
                            <p:stCondLst>
                              <p:cond delay="17250"/>
                            </p:stCondLst>
                            <p:childTnLst>
                              <p:par>
                                <p:cTn id="1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0" dur="3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4" fill="hold">
                            <p:stCondLst>
                              <p:cond delay="18000"/>
                            </p:stCondLst>
                            <p:childTnLst>
                              <p:par>
                                <p:cTn id="12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7" dur="50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8" fill="hold">
                            <p:stCondLst>
                              <p:cond delay="18500"/>
                            </p:stCondLst>
                            <p:childTnLst>
                              <p:par>
                                <p:cTn id="129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131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500"/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5" fill="hold">
                            <p:stCondLst>
                              <p:cond delay="19500"/>
                            </p:stCondLst>
                            <p:childTnLst>
                              <p:par>
                                <p:cTn id="1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8" dur="3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1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2" fill="hold">
                            <p:stCondLst>
                              <p:cond delay="20250"/>
                            </p:stCondLst>
                            <p:childTnLst>
                              <p:par>
                                <p:cTn id="14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5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0" grpId="0" animBg="1"/>
      <p:bldP spid="21" grpId="0" animBg="1"/>
      <p:bldP spid="22" grpId="0"/>
      <p:bldP spid="23" grpId="0" animBg="1"/>
      <p:bldP spid="24" grpId="0"/>
      <p:bldP spid="25" grpId="0" animBg="1"/>
      <p:bldP spid="26" grpId="0"/>
      <p:bldP spid="27" grpId="0" animBg="1"/>
      <p:bldP spid="28" grpId="0"/>
      <p:bldP spid="29" grpId="0" animBg="1"/>
      <p:bldP spid="30" grpId="0"/>
      <p:bldP spid="31" grpId="0" animBg="1"/>
      <p:bldP spid="32" grpId="0"/>
      <p:bldP spid="33" grpId="0" animBg="1"/>
      <p:bldP spid="34" grpId="0"/>
      <p:bldP spid="35" grpId="0" animBg="1"/>
      <p:bldP spid="36" grpId="0"/>
      <p:bldP spid="37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81958" y="915566"/>
            <a:ext cx="3755978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83568" y="483518"/>
            <a:ext cx="377354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UPPLY CHAIN</a:t>
            </a:r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457200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30"/>
          <p:cNvSpPr>
            <a:spLocks noGrp="1"/>
          </p:cNvSpPr>
          <p:nvPr>
            <p:ph type="body" sz="quarter" idx="99" hasCustomPrompt="1"/>
          </p:nvPr>
        </p:nvSpPr>
        <p:spPr>
          <a:xfrm>
            <a:off x="1043608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FACTORY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00" hasCustomPrompt="1"/>
          </p:nvPr>
        </p:nvSpPr>
        <p:spPr>
          <a:xfrm>
            <a:off x="2555776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WAREHOUSE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01" hasCustomPrompt="1"/>
          </p:nvPr>
        </p:nvSpPr>
        <p:spPr>
          <a:xfrm>
            <a:off x="4067944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ELIVERY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02" hasCustomPrompt="1"/>
          </p:nvPr>
        </p:nvSpPr>
        <p:spPr>
          <a:xfrm>
            <a:off x="5580112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USTOMER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103" hasCustomPrompt="1"/>
          </p:nvPr>
        </p:nvSpPr>
        <p:spPr>
          <a:xfrm>
            <a:off x="7092280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TORE</a:t>
            </a:r>
          </a:p>
        </p:txBody>
      </p:sp>
      <p:cxnSp>
        <p:nvCxnSpPr>
          <p:cNvPr id="20" name="Straight Arrow Connector 19"/>
          <p:cNvCxnSpPr/>
          <p:nvPr userDrawn="1"/>
        </p:nvCxnSpPr>
        <p:spPr>
          <a:xfrm>
            <a:off x="2116800" y="2046390"/>
            <a:ext cx="288032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 userDrawn="1"/>
        </p:nvCxnSpPr>
        <p:spPr>
          <a:xfrm>
            <a:off x="3628800" y="2046390"/>
            <a:ext cx="288032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/>
          <p:nvPr userDrawn="1"/>
        </p:nvCxnSpPr>
        <p:spPr>
          <a:xfrm>
            <a:off x="5140800" y="2046390"/>
            <a:ext cx="288032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 userDrawn="1"/>
        </p:nvCxnSpPr>
        <p:spPr>
          <a:xfrm>
            <a:off x="6652800" y="2047748"/>
            <a:ext cx="288032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Picture Placeholder 6"/>
          <p:cNvSpPr>
            <a:spLocks noGrp="1"/>
          </p:cNvSpPr>
          <p:nvPr>
            <p:ph type="pic" sz="quarter" idx="113" hasCustomPrompt="1"/>
          </p:nvPr>
        </p:nvSpPr>
        <p:spPr>
          <a:xfrm>
            <a:off x="971600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Picture Placeholder 6"/>
          <p:cNvSpPr>
            <a:spLocks noGrp="1"/>
          </p:cNvSpPr>
          <p:nvPr>
            <p:ph type="pic" sz="quarter" idx="114" hasCustomPrompt="1"/>
          </p:nvPr>
        </p:nvSpPr>
        <p:spPr>
          <a:xfrm>
            <a:off x="2483768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15" hasCustomPrompt="1"/>
          </p:nvPr>
        </p:nvSpPr>
        <p:spPr>
          <a:xfrm>
            <a:off x="4009728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16" hasCustomPrompt="1"/>
          </p:nvPr>
        </p:nvSpPr>
        <p:spPr>
          <a:xfrm>
            <a:off x="5521896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7020272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841248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118"/>
          </p:nvPr>
        </p:nvSpPr>
        <p:spPr>
          <a:xfrm>
            <a:off x="2350008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119"/>
          </p:nvPr>
        </p:nvSpPr>
        <p:spPr>
          <a:xfrm>
            <a:off x="3886200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20"/>
          </p:nvPr>
        </p:nvSpPr>
        <p:spPr>
          <a:xfrm>
            <a:off x="5394960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21"/>
          </p:nvPr>
        </p:nvSpPr>
        <p:spPr>
          <a:xfrm>
            <a:off x="6894576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772585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250"/>
                            </p:stCondLst>
                            <p:childTnLst>
                              <p:par>
                                <p:cTn id="2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2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45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5250"/>
                            </p:stCondLst>
                            <p:childTnLst>
                              <p:par>
                                <p:cTn id="38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000"/>
                            </p:stCondLst>
                            <p:childTnLst>
                              <p:par>
                                <p:cTn id="4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2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625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000"/>
                            </p:stCondLst>
                            <p:childTnLst>
                              <p:par>
                                <p:cTn id="53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5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7750"/>
                            </p:stCondLst>
                            <p:childTnLst>
                              <p:par>
                                <p:cTn id="5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9" dur="2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80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8750"/>
                            </p:stCondLst>
                            <p:childTnLst>
                              <p:par>
                                <p:cTn id="6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9250"/>
                            </p:stCondLst>
                            <p:childTnLst>
                              <p:par>
                                <p:cTn id="7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4" dur="2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9500"/>
                            </p:stCondLst>
                            <p:childTnLst>
                              <p:par>
                                <p:cTn id="7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10250"/>
                            </p:stCondLst>
                            <p:childTnLst>
                              <p:par>
                                <p:cTn id="8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5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uiExpand="1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/>
      <p:bldP spid="25" grpId="0"/>
      <p:bldP spid="26" grpId="0"/>
      <p:bldP spid="27" grpId="0"/>
      <p:bldP spid="28" grpId="0"/>
      <p:bldP spid="29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210463" y="915566"/>
            <a:ext cx="5900281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195736" y="483518"/>
            <a:ext cx="5927883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UPPLY CHAIN MANAGEMENT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Block Arc 5"/>
          <p:cNvSpPr/>
          <p:nvPr userDrawn="1"/>
        </p:nvSpPr>
        <p:spPr>
          <a:xfrm>
            <a:off x="3249777" y="1728008"/>
            <a:ext cx="2679468" cy="2679468"/>
          </a:xfrm>
          <a:prstGeom prst="blockArc">
            <a:avLst>
              <a:gd name="adj1" fmla="val 15633684"/>
              <a:gd name="adj2" fmla="val 15632465"/>
              <a:gd name="adj3" fmla="val 23407"/>
            </a:avLst>
          </a:prstGeom>
          <a:solidFill>
            <a:srgbClr val="E3E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7" name="Block Arc 6"/>
          <p:cNvSpPr/>
          <p:nvPr userDrawn="1"/>
        </p:nvSpPr>
        <p:spPr>
          <a:xfrm>
            <a:off x="3466445" y="1955005"/>
            <a:ext cx="2239051" cy="2239051"/>
          </a:xfrm>
          <a:prstGeom prst="blockArc">
            <a:avLst>
              <a:gd name="adj1" fmla="val 13289830"/>
              <a:gd name="adj2" fmla="val 16211924"/>
              <a:gd name="adj3" fmla="val 12298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grpSp>
        <p:nvGrpSpPr>
          <p:cNvPr id="8" name="Group 7"/>
          <p:cNvGrpSpPr/>
          <p:nvPr userDrawn="1"/>
        </p:nvGrpSpPr>
        <p:grpSpPr>
          <a:xfrm>
            <a:off x="3463324" y="1955005"/>
            <a:ext cx="2239051" cy="2239051"/>
            <a:chOff x="2508532" y="2288100"/>
            <a:chExt cx="2100213" cy="2100213"/>
          </a:xfrm>
          <a:solidFill>
            <a:srgbClr val="73BCB1"/>
          </a:solidFill>
        </p:grpSpPr>
        <p:sp>
          <p:nvSpPr>
            <p:cNvPr id="9" name="Block Arc 8"/>
            <p:cNvSpPr/>
            <p:nvPr userDrawn="1"/>
          </p:nvSpPr>
          <p:spPr>
            <a:xfrm>
              <a:off x="2508532" y="2288100"/>
              <a:ext cx="2100213" cy="2100213"/>
            </a:xfrm>
            <a:prstGeom prst="blockArc">
              <a:avLst>
                <a:gd name="adj1" fmla="val 10750579"/>
                <a:gd name="adj2" fmla="val 13292890"/>
                <a:gd name="adj3" fmla="val 12372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10" name="Isosceles Triangle 1"/>
            <p:cNvSpPr/>
            <p:nvPr userDrawn="1"/>
          </p:nvSpPr>
          <p:spPr>
            <a:xfrm rot="2700000">
              <a:off x="2680765" y="2526885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11" name="Group 10"/>
          <p:cNvGrpSpPr/>
          <p:nvPr userDrawn="1"/>
        </p:nvGrpSpPr>
        <p:grpSpPr>
          <a:xfrm>
            <a:off x="3333089" y="1955005"/>
            <a:ext cx="2372405" cy="2239051"/>
            <a:chOff x="2386373" y="2288100"/>
            <a:chExt cx="2225299" cy="2100213"/>
          </a:xfrm>
          <a:solidFill>
            <a:srgbClr val="B6DCD7"/>
          </a:solidFill>
        </p:grpSpPr>
        <p:sp>
          <p:nvSpPr>
            <p:cNvPr id="12" name="Block Arc 11"/>
            <p:cNvSpPr/>
            <p:nvPr userDrawn="1"/>
          </p:nvSpPr>
          <p:spPr>
            <a:xfrm>
              <a:off x="2511459" y="2288100"/>
              <a:ext cx="2100213" cy="2100213"/>
            </a:xfrm>
            <a:prstGeom prst="blockArc">
              <a:avLst>
                <a:gd name="adj1" fmla="val 7981893"/>
                <a:gd name="adj2" fmla="val 10743236"/>
                <a:gd name="adj3" fmla="val 12178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13" name="Isosceles Triangle 1"/>
            <p:cNvSpPr/>
            <p:nvPr userDrawn="1"/>
          </p:nvSpPr>
          <p:spPr>
            <a:xfrm>
              <a:off x="2386373" y="3165326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14" name="Group 13"/>
          <p:cNvGrpSpPr/>
          <p:nvPr userDrawn="1"/>
        </p:nvGrpSpPr>
        <p:grpSpPr>
          <a:xfrm>
            <a:off x="3466445" y="1953751"/>
            <a:ext cx="2239051" cy="2239051"/>
            <a:chOff x="2511459" y="2286924"/>
            <a:chExt cx="2100213" cy="2100213"/>
          </a:xfrm>
          <a:solidFill>
            <a:srgbClr val="73BCB1"/>
          </a:solidFill>
        </p:grpSpPr>
        <p:sp>
          <p:nvSpPr>
            <p:cNvPr id="15" name="Block Arc 14"/>
            <p:cNvSpPr/>
            <p:nvPr userDrawn="1"/>
          </p:nvSpPr>
          <p:spPr>
            <a:xfrm>
              <a:off x="2511459" y="2286924"/>
              <a:ext cx="2100213" cy="2100213"/>
            </a:xfrm>
            <a:prstGeom prst="blockArc">
              <a:avLst>
                <a:gd name="adj1" fmla="val 5393695"/>
                <a:gd name="adj2" fmla="val 7974558"/>
                <a:gd name="adj3" fmla="val 12371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16" name="Isosceles Triangle 1"/>
            <p:cNvSpPr/>
            <p:nvPr userDrawn="1"/>
          </p:nvSpPr>
          <p:spPr>
            <a:xfrm rot="18900000">
              <a:off x="2633149" y="3823167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17" name="Group 16"/>
          <p:cNvGrpSpPr/>
          <p:nvPr userDrawn="1"/>
        </p:nvGrpSpPr>
        <p:grpSpPr>
          <a:xfrm>
            <a:off x="3466444" y="1953752"/>
            <a:ext cx="2239051" cy="2369871"/>
            <a:chOff x="2511458" y="2286925"/>
            <a:chExt cx="2100213" cy="2222921"/>
          </a:xfrm>
          <a:solidFill>
            <a:srgbClr val="B6DCD7"/>
          </a:solidFill>
        </p:grpSpPr>
        <p:sp>
          <p:nvSpPr>
            <p:cNvPr id="18" name="Block Arc 17"/>
            <p:cNvSpPr/>
            <p:nvPr userDrawn="1"/>
          </p:nvSpPr>
          <p:spPr>
            <a:xfrm>
              <a:off x="2511458" y="2286925"/>
              <a:ext cx="2100213" cy="2100213"/>
            </a:xfrm>
            <a:prstGeom prst="blockArc">
              <a:avLst>
                <a:gd name="adj1" fmla="val 2604290"/>
                <a:gd name="adj2" fmla="val 5387999"/>
                <a:gd name="adj3" fmla="val 12444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19" name="Isosceles Triangle 1"/>
            <p:cNvSpPr/>
            <p:nvPr userDrawn="1"/>
          </p:nvSpPr>
          <p:spPr>
            <a:xfrm rot="-5400000">
              <a:off x="3279173" y="4125613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20" name="Group 19"/>
          <p:cNvGrpSpPr/>
          <p:nvPr userDrawn="1"/>
        </p:nvGrpSpPr>
        <p:grpSpPr>
          <a:xfrm>
            <a:off x="3466445" y="1955005"/>
            <a:ext cx="2239051" cy="2239051"/>
            <a:chOff x="2511459" y="2288100"/>
            <a:chExt cx="2100213" cy="2100213"/>
          </a:xfrm>
          <a:solidFill>
            <a:srgbClr val="73BCB1"/>
          </a:solidFill>
        </p:grpSpPr>
        <p:sp>
          <p:nvSpPr>
            <p:cNvPr id="21" name="Block Arc 20"/>
            <p:cNvSpPr/>
            <p:nvPr userDrawn="1"/>
          </p:nvSpPr>
          <p:spPr>
            <a:xfrm>
              <a:off x="2511459" y="2288100"/>
              <a:ext cx="2100213" cy="2100213"/>
            </a:xfrm>
            <a:prstGeom prst="blockArc">
              <a:avLst>
                <a:gd name="adj1" fmla="val 21489898"/>
                <a:gd name="adj2" fmla="val 2588718"/>
                <a:gd name="adj3" fmla="val 1267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22" name="Isosceles Triangle 1"/>
            <p:cNvSpPr/>
            <p:nvPr userDrawn="1"/>
          </p:nvSpPr>
          <p:spPr>
            <a:xfrm rot="13440000">
              <a:off x="3945320" y="3885282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23" name="Group 22"/>
          <p:cNvGrpSpPr/>
          <p:nvPr userDrawn="1"/>
        </p:nvGrpSpPr>
        <p:grpSpPr>
          <a:xfrm>
            <a:off x="3466445" y="1955005"/>
            <a:ext cx="2365498" cy="2239051"/>
            <a:chOff x="2511459" y="2288100"/>
            <a:chExt cx="2218820" cy="2100213"/>
          </a:xfrm>
          <a:solidFill>
            <a:srgbClr val="B6DCD7"/>
          </a:solidFill>
        </p:grpSpPr>
        <p:sp>
          <p:nvSpPr>
            <p:cNvPr id="24" name="Block Arc 23"/>
            <p:cNvSpPr/>
            <p:nvPr userDrawn="1"/>
          </p:nvSpPr>
          <p:spPr>
            <a:xfrm>
              <a:off x="2511459" y="2288100"/>
              <a:ext cx="2100213" cy="2100213"/>
            </a:xfrm>
            <a:prstGeom prst="blockArc">
              <a:avLst>
                <a:gd name="adj1" fmla="val 18712892"/>
                <a:gd name="adj2" fmla="val 21486223"/>
                <a:gd name="adj3" fmla="val 12579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25" name="Isosceles Triangle 1"/>
            <p:cNvSpPr/>
            <p:nvPr userDrawn="1"/>
          </p:nvSpPr>
          <p:spPr>
            <a:xfrm rot="10800000">
              <a:off x="4236725" y="3239257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2" name="Group 1"/>
          <p:cNvGrpSpPr/>
          <p:nvPr userDrawn="1"/>
        </p:nvGrpSpPr>
        <p:grpSpPr>
          <a:xfrm>
            <a:off x="3463325" y="1953753"/>
            <a:ext cx="2239051" cy="2239051"/>
            <a:chOff x="3463325" y="1953753"/>
            <a:chExt cx="2239051" cy="2239051"/>
          </a:xfrm>
          <a:solidFill>
            <a:srgbClr val="73BCB1"/>
          </a:solidFill>
        </p:grpSpPr>
        <p:sp>
          <p:nvSpPr>
            <p:cNvPr id="27" name="Block Arc 26"/>
            <p:cNvSpPr/>
            <p:nvPr userDrawn="1"/>
          </p:nvSpPr>
          <p:spPr>
            <a:xfrm>
              <a:off x="3463325" y="1953753"/>
              <a:ext cx="2239051" cy="2239051"/>
            </a:xfrm>
            <a:prstGeom prst="blockArc">
              <a:avLst>
                <a:gd name="adj1" fmla="val 16233705"/>
                <a:gd name="adj2" fmla="val 18717991"/>
                <a:gd name="adj3" fmla="val 1256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28" name="Isosceles Triangle 1"/>
            <p:cNvSpPr/>
            <p:nvPr userDrawn="1"/>
          </p:nvSpPr>
          <p:spPr>
            <a:xfrm rot="7920000">
              <a:off x="5047307" y="2239515"/>
              <a:ext cx="526181" cy="293084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sp>
        <p:nvSpPr>
          <p:cNvPr id="29" name="Isosceles Triangle 1"/>
          <p:cNvSpPr/>
          <p:nvPr userDrawn="1"/>
        </p:nvSpPr>
        <p:spPr>
          <a:xfrm rot="5400000">
            <a:off x="4361669" y="1938401"/>
            <a:ext cx="526181" cy="293085"/>
          </a:xfrm>
          <a:custGeom>
            <a:avLst/>
            <a:gdLst>
              <a:gd name="connsiteX0" fmla="*/ 0 w 432048"/>
              <a:gd name="connsiteY0" fmla="*/ 299514 h 299514"/>
              <a:gd name="connsiteX1" fmla="*/ 216024 w 432048"/>
              <a:gd name="connsiteY1" fmla="*/ 0 h 299514"/>
              <a:gd name="connsiteX2" fmla="*/ 432048 w 432048"/>
              <a:gd name="connsiteY2" fmla="*/ 299514 h 299514"/>
              <a:gd name="connsiteX3" fmla="*/ 0 w 432048"/>
              <a:gd name="connsiteY3" fmla="*/ 299514 h 299514"/>
              <a:gd name="connsiteX0" fmla="*/ 0 w 460751"/>
              <a:gd name="connsiteY0" fmla="*/ 299514 h 299514"/>
              <a:gd name="connsiteX1" fmla="*/ 216024 w 460751"/>
              <a:gd name="connsiteY1" fmla="*/ 0 h 299514"/>
              <a:gd name="connsiteX2" fmla="*/ 460751 w 460751"/>
              <a:gd name="connsiteY2" fmla="*/ 299514 h 299514"/>
              <a:gd name="connsiteX3" fmla="*/ 0 w 460751"/>
              <a:gd name="connsiteY3" fmla="*/ 299514 h 299514"/>
              <a:gd name="connsiteX0" fmla="*/ 0 w 493554"/>
              <a:gd name="connsiteY0" fmla="*/ 299514 h 299514"/>
              <a:gd name="connsiteX1" fmla="*/ 248827 w 493554"/>
              <a:gd name="connsiteY1" fmla="*/ 0 h 299514"/>
              <a:gd name="connsiteX2" fmla="*/ 493554 w 493554"/>
              <a:gd name="connsiteY2" fmla="*/ 299514 h 299514"/>
              <a:gd name="connsiteX3" fmla="*/ 0 w 493554"/>
              <a:gd name="connsiteY3" fmla="*/ 299514 h 299514"/>
              <a:gd name="connsiteX0" fmla="*/ 0 w 493554"/>
              <a:gd name="connsiteY0" fmla="*/ 225706 h 225706"/>
              <a:gd name="connsiteX1" fmla="*/ 248827 w 493554"/>
              <a:gd name="connsiteY1" fmla="*/ 0 h 225706"/>
              <a:gd name="connsiteX2" fmla="*/ 493554 w 493554"/>
              <a:gd name="connsiteY2" fmla="*/ 225706 h 225706"/>
              <a:gd name="connsiteX3" fmla="*/ 0 w 493554"/>
              <a:gd name="connsiteY3" fmla="*/ 225706 h 225706"/>
              <a:gd name="connsiteX0" fmla="*/ 0 w 493554"/>
              <a:gd name="connsiteY0" fmla="*/ 274911 h 274911"/>
              <a:gd name="connsiteX1" fmla="*/ 244727 w 493554"/>
              <a:gd name="connsiteY1" fmla="*/ 0 h 274911"/>
              <a:gd name="connsiteX2" fmla="*/ 493554 w 493554"/>
              <a:gd name="connsiteY2" fmla="*/ 274911 h 274911"/>
              <a:gd name="connsiteX3" fmla="*/ 0 w 493554"/>
              <a:gd name="connsiteY3" fmla="*/ 274911 h 2749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3554" h="274911">
                <a:moveTo>
                  <a:pt x="0" y="274911"/>
                </a:moveTo>
                <a:lnTo>
                  <a:pt x="244727" y="0"/>
                </a:lnTo>
                <a:lnTo>
                  <a:pt x="493554" y="274911"/>
                </a:lnTo>
                <a:lnTo>
                  <a:pt x="0" y="274911"/>
                </a:lnTo>
                <a:close/>
              </a:path>
            </a:pathLst>
          </a:cu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cxnSp>
        <p:nvCxnSpPr>
          <p:cNvPr id="30" name="Straight Arrow Connector 29"/>
          <p:cNvCxnSpPr/>
          <p:nvPr userDrawn="1"/>
        </p:nvCxnSpPr>
        <p:spPr>
          <a:xfrm>
            <a:off x="5004048" y="2008258"/>
            <a:ext cx="3240360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 Placeholder 30"/>
          <p:cNvSpPr>
            <a:spLocks noGrp="1"/>
          </p:cNvSpPr>
          <p:nvPr userDrawn="1">
            <p:ph type="body" sz="quarter" idx="169" hasCustomPrompt="1"/>
          </p:nvPr>
        </p:nvSpPr>
        <p:spPr>
          <a:xfrm>
            <a:off x="6516216" y="1627632"/>
            <a:ext cx="1593984" cy="463379"/>
          </a:xfrm>
          <a:prstGeom prst="rect">
            <a:avLst/>
          </a:prstGeom>
          <a:noFill/>
        </p:spPr>
        <p:txBody>
          <a:bodyPr lIns="72000" tIns="0" rIns="0" bIns="0" anchor="ctr" anchorCtr="0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ROCUREMENT &amp;</a:t>
            </a:r>
          </a:p>
          <a:p>
            <a:pPr lvl="0"/>
            <a:r>
              <a:rPr lang="en-US" dirty="0" smtClean="0"/>
              <a:t>INFORMATION TECHNOLOGY</a:t>
            </a:r>
          </a:p>
        </p:txBody>
      </p:sp>
      <p:sp>
        <p:nvSpPr>
          <p:cNvPr id="32" name="Text Placeholder 30"/>
          <p:cNvSpPr>
            <a:spLocks noGrp="1"/>
          </p:cNvSpPr>
          <p:nvPr userDrawn="1">
            <p:ph type="body" sz="quarter" idx="170" hasCustomPrompt="1"/>
          </p:nvPr>
        </p:nvSpPr>
        <p:spPr>
          <a:xfrm>
            <a:off x="3859270" y="2850140"/>
            <a:ext cx="1451127" cy="484726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ctr">
              <a:lnSpc>
                <a:spcPct val="90000"/>
              </a:lnSpc>
              <a:buNone/>
              <a:defRPr sz="14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UPPLY CHAIN MANAGEMENT</a:t>
            </a:r>
          </a:p>
        </p:txBody>
      </p:sp>
      <p:cxnSp>
        <p:nvCxnSpPr>
          <p:cNvPr id="33" name="Straight Arrow Connector 32"/>
          <p:cNvCxnSpPr/>
          <p:nvPr userDrawn="1"/>
        </p:nvCxnSpPr>
        <p:spPr>
          <a:xfrm>
            <a:off x="5652120" y="2728239"/>
            <a:ext cx="2592288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Text Placeholder 30"/>
          <p:cNvSpPr>
            <a:spLocks noGrp="1"/>
          </p:cNvSpPr>
          <p:nvPr userDrawn="1">
            <p:ph type="body" sz="quarter" idx="171" hasCustomPrompt="1"/>
          </p:nvPr>
        </p:nvSpPr>
        <p:spPr>
          <a:xfrm>
            <a:off x="6516216" y="2355726"/>
            <a:ext cx="1593984" cy="463379"/>
          </a:xfrm>
          <a:prstGeom prst="rect">
            <a:avLst/>
          </a:prstGeom>
          <a:noFill/>
        </p:spPr>
        <p:txBody>
          <a:bodyPr lIns="72000" tIns="0" rIns="0" bIns="0" anchor="ctr" anchorCtr="0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MANUFACTURING &amp;</a:t>
            </a:r>
          </a:p>
          <a:p>
            <a:pPr lvl="0"/>
            <a:r>
              <a:rPr lang="en-US" dirty="0" smtClean="0"/>
              <a:t>PRODUCTS</a:t>
            </a:r>
          </a:p>
        </p:txBody>
      </p:sp>
      <p:cxnSp>
        <p:nvCxnSpPr>
          <p:cNvPr id="35" name="Straight Arrow Connector 34"/>
          <p:cNvCxnSpPr/>
          <p:nvPr userDrawn="1"/>
        </p:nvCxnSpPr>
        <p:spPr>
          <a:xfrm>
            <a:off x="5690838" y="3416988"/>
            <a:ext cx="2553570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 Placeholder 30"/>
          <p:cNvSpPr>
            <a:spLocks noGrp="1"/>
          </p:cNvSpPr>
          <p:nvPr userDrawn="1">
            <p:ph type="body" sz="quarter" idx="172" hasCustomPrompt="1"/>
          </p:nvPr>
        </p:nvSpPr>
        <p:spPr>
          <a:xfrm>
            <a:off x="6516216" y="3035808"/>
            <a:ext cx="1593984" cy="463379"/>
          </a:xfrm>
          <a:prstGeom prst="rect">
            <a:avLst/>
          </a:prstGeom>
          <a:noFill/>
        </p:spPr>
        <p:txBody>
          <a:bodyPr lIns="72000" tIns="0" rIns="0" bIns="0" anchor="ctr" anchorCtr="0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ASSEMBLY &amp; </a:t>
            </a:r>
          </a:p>
          <a:p>
            <a:pPr lvl="0"/>
            <a:r>
              <a:rPr lang="en-US" dirty="0" smtClean="0"/>
              <a:t>GLOBAL PROCUREMENT</a:t>
            </a:r>
          </a:p>
        </p:txBody>
      </p:sp>
      <p:cxnSp>
        <p:nvCxnSpPr>
          <p:cNvPr id="37" name="Straight Arrow Connector 36"/>
          <p:cNvCxnSpPr/>
          <p:nvPr userDrawn="1"/>
        </p:nvCxnSpPr>
        <p:spPr>
          <a:xfrm>
            <a:off x="5042766" y="4096391"/>
            <a:ext cx="3201642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Text Placeholder 30"/>
          <p:cNvSpPr>
            <a:spLocks noGrp="1"/>
          </p:cNvSpPr>
          <p:nvPr userDrawn="1">
            <p:ph type="body" sz="quarter" idx="173" hasCustomPrompt="1"/>
          </p:nvPr>
        </p:nvSpPr>
        <p:spPr>
          <a:xfrm>
            <a:off x="6516216" y="3712464"/>
            <a:ext cx="1593984" cy="463379"/>
          </a:xfrm>
          <a:prstGeom prst="rect">
            <a:avLst/>
          </a:prstGeom>
          <a:noFill/>
        </p:spPr>
        <p:txBody>
          <a:bodyPr lIns="72000" tIns="0" rIns="0" bIns="0" anchor="ctr" anchorCtr="0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ESTING &amp;</a:t>
            </a:r>
          </a:p>
          <a:p>
            <a:pPr lvl="0"/>
            <a:r>
              <a:rPr lang="en-US" dirty="0" smtClean="0"/>
              <a:t>ORDER MANAGEMENT</a:t>
            </a:r>
          </a:p>
        </p:txBody>
      </p:sp>
      <p:cxnSp>
        <p:nvCxnSpPr>
          <p:cNvPr id="39" name="Straight Arrow Connector 38"/>
          <p:cNvCxnSpPr/>
          <p:nvPr userDrawn="1"/>
        </p:nvCxnSpPr>
        <p:spPr>
          <a:xfrm>
            <a:off x="971600" y="3448438"/>
            <a:ext cx="2520280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Text Placeholder 30"/>
          <p:cNvSpPr>
            <a:spLocks noGrp="1"/>
          </p:cNvSpPr>
          <p:nvPr userDrawn="1">
            <p:ph type="body" sz="quarter" idx="174" hasCustomPrompt="1"/>
          </p:nvPr>
        </p:nvSpPr>
        <p:spPr>
          <a:xfrm>
            <a:off x="1115616" y="3075925"/>
            <a:ext cx="1601704" cy="463379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WAREHOUSING &amp; </a:t>
            </a:r>
          </a:p>
          <a:p>
            <a:pPr lvl="0"/>
            <a:r>
              <a:rPr lang="en-US" dirty="0" smtClean="0"/>
              <a:t>DISTRIBUTION</a:t>
            </a:r>
          </a:p>
        </p:txBody>
      </p:sp>
      <p:cxnSp>
        <p:nvCxnSpPr>
          <p:cNvPr id="41" name="Straight Arrow Connector 40"/>
          <p:cNvCxnSpPr/>
          <p:nvPr userDrawn="1"/>
        </p:nvCxnSpPr>
        <p:spPr>
          <a:xfrm>
            <a:off x="971600" y="4162061"/>
            <a:ext cx="3228088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 Placeholder 30"/>
          <p:cNvSpPr>
            <a:spLocks noGrp="1"/>
          </p:cNvSpPr>
          <p:nvPr userDrawn="1">
            <p:ph type="body" sz="quarter" idx="175" hasCustomPrompt="1"/>
          </p:nvPr>
        </p:nvSpPr>
        <p:spPr>
          <a:xfrm>
            <a:off x="1115616" y="3789548"/>
            <a:ext cx="1601704" cy="463379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OGISTICS &amp; </a:t>
            </a:r>
          </a:p>
          <a:p>
            <a:pPr lvl="0"/>
            <a:r>
              <a:rPr lang="en-US" dirty="0" smtClean="0"/>
              <a:t>PACKAGING</a:t>
            </a:r>
          </a:p>
        </p:txBody>
      </p:sp>
      <p:cxnSp>
        <p:nvCxnSpPr>
          <p:cNvPr id="43" name="Straight Arrow Connector 42"/>
          <p:cNvCxnSpPr/>
          <p:nvPr userDrawn="1"/>
        </p:nvCxnSpPr>
        <p:spPr>
          <a:xfrm>
            <a:off x="971600" y="2678351"/>
            <a:ext cx="2520280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 Placeholder 30"/>
          <p:cNvSpPr>
            <a:spLocks noGrp="1"/>
          </p:cNvSpPr>
          <p:nvPr userDrawn="1">
            <p:ph type="body" sz="quarter" idx="176" hasCustomPrompt="1"/>
          </p:nvPr>
        </p:nvSpPr>
        <p:spPr>
          <a:xfrm>
            <a:off x="1115616" y="2305838"/>
            <a:ext cx="1601704" cy="463379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FULFILLMENT &amp;</a:t>
            </a:r>
          </a:p>
          <a:p>
            <a:pPr lvl="0"/>
            <a:r>
              <a:rPr lang="en-US" dirty="0" smtClean="0"/>
              <a:t>FAILURE ANALYSIS</a:t>
            </a:r>
          </a:p>
        </p:txBody>
      </p:sp>
      <p:cxnSp>
        <p:nvCxnSpPr>
          <p:cNvPr id="45" name="Straight Arrow Connector 44"/>
          <p:cNvCxnSpPr/>
          <p:nvPr userDrawn="1"/>
        </p:nvCxnSpPr>
        <p:spPr>
          <a:xfrm>
            <a:off x="971600" y="1995423"/>
            <a:ext cx="3168352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Text Placeholder 30"/>
          <p:cNvSpPr>
            <a:spLocks noGrp="1"/>
          </p:cNvSpPr>
          <p:nvPr userDrawn="1">
            <p:ph type="body" sz="quarter" idx="177" hasCustomPrompt="1"/>
          </p:nvPr>
        </p:nvSpPr>
        <p:spPr>
          <a:xfrm>
            <a:off x="1115616" y="1622910"/>
            <a:ext cx="1601704" cy="463379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ALES &amp;</a:t>
            </a:r>
          </a:p>
          <a:p>
            <a:pPr lvl="0"/>
            <a:r>
              <a:rPr lang="en-US" dirty="0" smtClean="0"/>
              <a:t>INVENTORY MANAGEMENT</a:t>
            </a:r>
          </a:p>
        </p:txBody>
      </p:sp>
      <p:sp>
        <p:nvSpPr>
          <p:cNvPr id="47" name="Text Placeholder 30"/>
          <p:cNvSpPr>
            <a:spLocks noGrp="1"/>
          </p:cNvSpPr>
          <p:nvPr userDrawn="1">
            <p:ph type="body" sz="quarter" idx="178" hasCustomPrompt="1"/>
          </p:nvPr>
        </p:nvSpPr>
        <p:spPr>
          <a:xfrm>
            <a:off x="4087364" y="1466885"/>
            <a:ext cx="1020384" cy="168761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PEED + QUALITY</a:t>
            </a:r>
          </a:p>
        </p:txBody>
      </p:sp>
      <p:sp>
        <p:nvSpPr>
          <p:cNvPr id="48" name="Text Placeholder 30"/>
          <p:cNvSpPr>
            <a:spLocks noGrp="1"/>
          </p:cNvSpPr>
          <p:nvPr userDrawn="1">
            <p:ph type="body" sz="quarter" idx="180" hasCustomPrompt="1"/>
          </p:nvPr>
        </p:nvSpPr>
        <p:spPr>
          <a:xfrm>
            <a:off x="4199688" y="4535424"/>
            <a:ext cx="792088" cy="168761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FLEXIBILITY</a:t>
            </a:r>
          </a:p>
        </p:txBody>
      </p:sp>
    </p:spTree>
    <p:extLst>
      <p:ext uri="{BB962C8B-B14F-4D97-AF65-F5344CB8AC3E}">
        <p14:creationId xmlns:p14="http://schemas.microsoft.com/office/powerpoint/2010/main" val="41380103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400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5000"/>
                            </p:stCondLst>
                            <p:childTnLst>
                              <p:par>
                                <p:cTn id="26" presetID="18" presetClass="entr" presetSubtype="6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28" dur="6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6350"/>
                            </p:stCondLst>
                            <p:childTnLst>
                              <p:par>
                                <p:cTn id="30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32" dur="6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950"/>
                            </p:stCondLst>
                            <p:childTnLst>
                              <p:par>
                                <p:cTn id="34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36" dur="6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7550"/>
                            </p:stCondLst>
                            <p:childTnLst>
                              <p:par>
                                <p:cTn id="38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0" dur="6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8150"/>
                            </p:stCondLst>
                            <p:childTnLst>
                              <p:par>
                                <p:cTn id="42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44" dur="6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8750"/>
                            </p:stCondLst>
                            <p:childTnLst>
                              <p:par>
                                <p:cTn id="46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48" dur="6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9350"/>
                            </p:stCondLst>
                            <p:childTnLst>
                              <p:par>
                                <p:cTn id="50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52" dur="6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9950"/>
                            </p:stCondLst>
                            <p:childTnLst>
                              <p:par>
                                <p:cTn id="54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56" dur="6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8" presetClass="entr" presetSubtype="3" fill="hold" grpId="0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5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108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12050"/>
                            </p:stCondLst>
                            <p:childTnLst>
                              <p:par>
                                <p:cTn id="68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3050"/>
                            </p:stCondLst>
                            <p:childTnLst>
                              <p:par>
                                <p:cTn id="75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7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22" presetClass="entr" presetSubtype="4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0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13800"/>
                            </p:stCondLst>
                            <p:childTnLst>
                              <p:par>
                                <p:cTn id="82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14550"/>
                            </p:stCondLst>
                            <p:childTnLst>
                              <p:par>
                                <p:cTn id="89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1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22" presetClass="entr" presetSubtype="4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4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5" fill="hold">
                            <p:stCondLst>
                              <p:cond delay="15300"/>
                            </p:stCondLst>
                            <p:childTnLst>
                              <p:par>
                                <p:cTn id="96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16050"/>
                            </p:stCondLst>
                            <p:childTnLst>
                              <p:par>
                                <p:cTn id="103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5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6" presetID="22" presetClass="entr" presetSubtype="4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9" fill="hold">
                            <p:stCondLst>
                              <p:cond delay="16800"/>
                            </p:stCondLst>
                            <p:childTnLst>
                              <p:par>
                                <p:cTn id="11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17550"/>
                            </p:stCondLst>
                            <p:childTnLst>
                              <p:par>
                                <p:cTn id="117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9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0" presetID="22" presetClass="entr" presetSubtype="4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2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7" grpId="0" animBg="1"/>
      <p:bldP spid="29" grpId="0" animBg="1"/>
      <p:bldP spid="31" grpId="0">
        <p:tmplLst>
          <p:tmpl>
            <p:tnLst>
              <p:par>
                <p:cTn presetID="22" presetClass="entr" presetSubtype="4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>
        <p:tmplLst>
          <p:tmpl>
            <p:tnLst>
              <p:par>
                <p:cTn presetID="22" presetClass="entr" presetSubtype="4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22" presetClass="entr" presetSubtype="4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>
        <p:tmplLst>
          <p:tmpl>
            <p:tnLst>
              <p:par>
                <p:cTn presetID="22" presetClass="entr" presetSubtype="4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>
        <p:tmplLst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>
        <p:tmplLst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>
        <p:tmplLst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>
        <p:tmplLst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142207" y="915566"/>
            <a:ext cx="49685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83518"/>
            <a:ext cx="4991779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E BUSINESS SUCCESS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 Placeholder 30"/>
          <p:cNvSpPr>
            <a:spLocks noGrp="1"/>
          </p:cNvSpPr>
          <p:nvPr>
            <p:ph type="body" sz="quarter" idx="177"/>
          </p:nvPr>
        </p:nvSpPr>
        <p:spPr>
          <a:xfrm>
            <a:off x="5796136" y="1923678"/>
            <a:ext cx="2304256" cy="2160240"/>
          </a:xfrm>
          <a:prstGeom prst="rect">
            <a:avLst/>
          </a:prstGeom>
          <a:noFill/>
        </p:spPr>
        <p:txBody>
          <a:bodyPr lIns="45720" tIns="45720" rIns="4572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1043608" y="4233454"/>
            <a:ext cx="4464496" cy="210504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1" spc="10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ME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189" hasCustomPrompt="1"/>
          </p:nvPr>
        </p:nvSpPr>
        <p:spPr>
          <a:xfrm rot="16200000">
            <a:off x="-398610" y="2789833"/>
            <a:ext cx="2520280" cy="211906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1" spc="10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CCESS</a:t>
            </a:r>
            <a:endParaRPr lang="en-US" dirty="0"/>
          </a:p>
        </p:txBody>
      </p:sp>
      <p:grpSp>
        <p:nvGrpSpPr>
          <p:cNvPr id="9" name="Group 8"/>
          <p:cNvGrpSpPr/>
          <p:nvPr userDrawn="1"/>
        </p:nvGrpSpPr>
        <p:grpSpPr>
          <a:xfrm>
            <a:off x="1043608" y="1635646"/>
            <a:ext cx="7056784" cy="3168352"/>
            <a:chOff x="1043608" y="1676346"/>
            <a:chExt cx="3600400" cy="2479580"/>
          </a:xfrm>
          <a:pattFill prst="lgGrid">
            <a:fgClr>
              <a:srgbClr val="D3CFCB"/>
            </a:fgClr>
            <a:bgClr>
              <a:schemeClr val="bg1"/>
            </a:bgClr>
          </a:pattFill>
        </p:grpSpPr>
        <p:sp>
          <p:nvSpPr>
            <p:cNvPr id="10" name="Rectangle 9"/>
            <p:cNvSpPr/>
            <p:nvPr userDrawn="1"/>
          </p:nvSpPr>
          <p:spPr>
            <a:xfrm>
              <a:off x="1043608" y="1676346"/>
              <a:ext cx="3600400" cy="247958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grpSp>
          <p:nvGrpSpPr>
            <p:cNvPr id="11" name="Group 10"/>
            <p:cNvGrpSpPr/>
            <p:nvPr userDrawn="1"/>
          </p:nvGrpSpPr>
          <p:grpSpPr>
            <a:xfrm>
              <a:off x="1043608" y="1676346"/>
              <a:ext cx="3600400" cy="2479580"/>
              <a:chOff x="1043608" y="1563638"/>
              <a:chExt cx="3312368" cy="2592288"/>
            </a:xfrm>
            <a:grpFill/>
          </p:grpSpPr>
          <p:cxnSp>
            <p:nvCxnSpPr>
              <p:cNvPr id="12" name="Straight Connector 11"/>
              <p:cNvCxnSpPr/>
              <p:nvPr userDrawn="1"/>
            </p:nvCxnSpPr>
            <p:spPr>
              <a:xfrm>
                <a:off x="1043608" y="1563638"/>
                <a:ext cx="0" cy="2592288"/>
              </a:xfrm>
              <a:prstGeom prst="line">
                <a:avLst/>
              </a:prstGeom>
              <a:grpFill/>
              <a:ln>
                <a:solidFill>
                  <a:srgbClr val="605850"/>
                </a:solidFill>
                <a:head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/>
              <p:cNvCxnSpPr/>
              <p:nvPr userDrawn="1"/>
            </p:nvCxnSpPr>
            <p:spPr>
              <a:xfrm>
                <a:off x="1043608" y="4155926"/>
                <a:ext cx="3312368" cy="0"/>
              </a:xfrm>
              <a:prstGeom prst="line">
                <a:avLst/>
              </a:prstGeom>
              <a:grpFill/>
              <a:ln>
                <a:solidFill>
                  <a:srgbClr val="60585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13144683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1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" name="Text Placeholder 27"/>
          <p:cNvSpPr>
            <a:spLocks noGrp="1"/>
          </p:cNvSpPr>
          <p:nvPr>
            <p:ph type="body" sz="quarter" idx="182" hasCustomPrompt="1"/>
          </p:nvPr>
        </p:nvSpPr>
        <p:spPr>
          <a:xfrm>
            <a:off x="3218688" y="2084415"/>
            <a:ext cx="2687176" cy="950838"/>
          </a:xfrm>
          <a:prstGeom prst="rect">
            <a:avLst/>
          </a:prstGeom>
          <a:noFill/>
          <a:ln w="19050">
            <a:solidFill>
              <a:srgbClr val="73BCB1"/>
            </a:solidFill>
          </a:ln>
        </p:spPr>
        <p:txBody>
          <a:bodyPr wrap="square" lIns="0" tIns="109728" rIns="0" bIns="0" anchor="ctr" anchorCtr="1">
            <a:spAutoFit/>
          </a:bodyPr>
          <a:lstStyle>
            <a:lvl1pPr marL="0" indent="0" algn="ctr">
              <a:lnSpc>
                <a:spcPts val="3200"/>
              </a:lnSpc>
              <a:spcBef>
                <a:spcPts val="0"/>
              </a:spcBef>
              <a:buNone/>
              <a:defRPr sz="3600" b="1" spc="9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altLang="ko-KR" dirty="0" smtClean="0"/>
              <a:t/>
            </a:r>
            <a:br>
              <a:rPr lang="en-US" altLang="ko-KR" dirty="0" smtClean="0"/>
            </a:br>
            <a:endParaRPr lang="en-US" dirty="0"/>
          </a:p>
        </p:txBody>
      </p:sp>
      <p:sp>
        <p:nvSpPr>
          <p:cNvPr id="124" name="Text Placeholder 27"/>
          <p:cNvSpPr>
            <a:spLocks noGrp="1"/>
          </p:cNvSpPr>
          <p:nvPr>
            <p:ph type="body" sz="quarter" idx="191" hasCustomPrompt="1"/>
          </p:nvPr>
        </p:nvSpPr>
        <p:spPr>
          <a:xfrm>
            <a:off x="6986016" y="3363838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ARTNER </a:t>
            </a:r>
          </a:p>
          <a:p>
            <a:pPr lvl="0"/>
            <a:r>
              <a:rPr lang="en-US" dirty="0" smtClean="0"/>
              <a:t>NETWORK</a:t>
            </a:r>
            <a:endParaRPr lang="en-US" dirty="0"/>
          </a:p>
        </p:txBody>
      </p:sp>
      <p:sp>
        <p:nvSpPr>
          <p:cNvPr id="128" name="Text Placeholder 27"/>
          <p:cNvSpPr>
            <a:spLocks noGrp="1"/>
          </p:cNvSpPr>
          <p:nvPr>
            <p:ph type="body" sz="quarter" idx="195" hasCustomPrompt="1"/>
          </p:nvPr>
        </p:nvSpPr>
        <p:spPr>
          <a:xfrm>
            <a:off x="4572000" y="4443958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ct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ST</a:t>
            </a:r>
            <a:endParaRPr lang="en-US" dirty="0"/>
          </a:p>
        </p:txBody>
      </p:sp>
      <p:sp>
        <p:nvSpPr>
          <p:cNvPr id="130" name="Text Placeholder 27"/>
          <p:cNvSpPr>
            <a:spLocks noGrp="1"/>
          </p:cNvSpPr>
          <p:nvPr>
            <p:ph type="body" sz="quarter" idx="197" hasCustomPrompt="1"/>
          </p:nvPr>
        </p:nvSpPr>
        <p:spPr>
          <a:xfrm>
            <a:off x="7308304" y="2211710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VALUE </a:t>
            </a:r>
          </a:p>
          <a:p>
            <a:pPr lvl="0"/>
            <a:r>
              <a:rPr lang="en-US" dirty="0" smtClean="0"/>
              <a:t>CONFIGURAION</a:t>
            </a:r>
            <a:endParaRPr lang="en-US" dirty="0"/>
          </a:p>
        </p:txBody>
      </p:sp>
      <p:sp>
        <p:nvSpPr>
          <p:cNvPr id="132" name="Text Placeholder 27"/>
          <p:cNvSpPr>
            <a:spLocks noGrp="1"/>
          </p:cNvSpPr>
          <p:nvPr>
            <p:ph type="body" sz="quarter" idx="199" hasCustomPrompt="1"/>
          </p:nvPr>
        </p:nvSpPr>
        <p:spPr>
          <a:xfrm>
            <a:off x="6876256" y="1131590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ARGET </a:t>
            </a:r>
          </a:p>
          <a:p>
            <a:pPr lvl="0"/>
            <a:r>
              <a:rPr lang="en-US" dirty="0" smtClean="0"/>
              <a:t>CUSTOMER</a:t>
            </a:r>
            <a:endParaRPr lang="en-US" dirty="0"/>
          </a:p>
        </p:txBody>
      </p:sp>
      <p:cxnSp>
        <p:nvCxnSpPr>
          <p:cNvPr id="166" name="Straight Arrow Connector 165"/>
          <p:cNvCxnSpPr/>
          <p:nvPr userDrawn="1"/>
        </p:nvCxnSpPr>
        <p:spPr>
          <a:xfrm flipV="1">
            <a:off x="3218689" y="977923"/>
            <a:ext cx="129175" cy="1106492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165"/>
          <p:cNvCxnSpPr/>
          <p:nvPr userDrawn="1"/>
        </p:nvCxnSpPr>
        <p:spPr>
          <a:xfrm>
            <a:off x="2627784" y="3035253"/>
            <a:ext cx="610352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Arrow Connector 165"/>
          <p:cNvCxnSpPr/>
          <p:nvPr userDrawn="1"/>
        </p:nvCxnSpPr>
        <p:spPr>
          <a:xfrm flipH="1">
            <a:off x="5912641" y="3035253"/>
            <a:ext cx="603575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Arrow Connector 165"/>
          <p:cNvCxnSpPr/>
          <p:nvPr userDrawn="1"/>
        </p:nvCxnSpPr>
        <p:spPr>
          <a:xfrm flipH="1" flipV="1">
            <a:off x="5724128" y="977923"/>
            <a:ext cx="181736" cy="1122404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94405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250"/>
                                        <p:tgtEl>
                                          <p:spTgt spid="1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500"/>
                                        <p:tgtEl>
                                          <p:spTgt spid="1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7" dur="500"/>
                                        <p:tgtEl>
                                          <p:spTgt spid="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000"/>
                            </p:stCondLst>
                            <p:childTnLst>
                              <p:par>
                                <p:cTn id="29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1" dur="25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250"/>
                            </p:stCondLst>
                            <p:childTnLst>
                              <p:par>
                                <p:cTn id="33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5" dur="25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3500"/>
                            </p:stCondLst>
                            <p:childTnLst>
                              <p:par>
                                <p:cTn id="37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9" dur="25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4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8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1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0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2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3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843808" y="915566"/>
            <a:ext cx="52669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</a:t>
            </a:r>
            <a:r>
              <a:rPr lang="th-TH" dirty="0" smtClean="0"/>
              <a:t> </a:t>
            </a:r>
            <a:r>
              <a:rPr lang="en-US" dirty="0" smtClean="0"/>
              <a:t>+ CONTENT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843808" y="493776"/>
            <a:ext cx="527981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 MODEL</a:t>
            </a:r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873541" y="1563638"/>
            <a:ext cx="7488832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45"/>
          </p:nvPr>
        </p:nvSpPr>
        <p:spPr>
          <a:xfrm>
            <a:off x="875897" y="3496570"/>
            <a:ext cx="2354981" cy="178744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1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875897" y="3718778"/>
            <a:ext cx="2354981" cy="730016"/>
          </a:xfrm>
          <a:prstGeom prst="rect">
            <a:avLst/>
          </a:prstGeom>
        </p:spPr>
        <p:txBody>
          <a:bodyPr lIns="137160" tIns="45720" rIns="137160" bIns="0" anchor="t"/>
          <a:lstStyle>
            <a:lvl1pPr marL="0" indent="0" algn="ct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52"/>
          </p:nvPr>
        </p:nvSpPr>
        <p:spPr>
          <a:xfrm>
            <a:off x="3455975" y="3496570"/>
            <a:ext cx="2354981" cy="178744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1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153"/>
          </p:nvPr>
        </p:nvSpPr>
        <p:spPr>
          <a:xfrm>
            <a:off x="3455975" y="3718778"/>
            <a:ext cx="2354981" cy="730016"/>
          </a:xfrm>
          <a:prstGeom prst="rect">
            <a:avLst/>
          </a:prstGeom>
        </p:spPr>
        <p:txBody>
          <a:bodyPr lIns="137160" tIns="45720" rIns="137160" bIns="0" anchor="t"/>
          <a:lstStyle>
            <a:lvl1pPr marL="0" indent="0" algn="ct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55"/>
          </p:nvPr>
        </p:nvSpPr>
        <p:spPr>
          <a:xfrm>
            <a:off x="6036053" y="3496570"/>
            <a:ext cx="2354981" cy="178744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1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56"/>
          </p:nvPr>
        </p:nvSpPr>
        <p:spPr>
          <a:xfrm>
            <a:off x="6036054" y="3718778"/>
            <a:ext cx="2354981" cy="730016"/>
          </a:xfrm>
          <a:prstGeom prst="rect">
            <a:avLst/>
          </a:prstGeom>
        </p:spPr>
        <p:txBody>
          <a:bodyPr lIns="137160" tIns="45720" rIns="137160" bIns="0" anchor="t"/>
          <a:lstStyle>
            <a:lvl1pPr marL="0" indent="0" algn="ct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1403648" y="2297741"/>
            <a:ext cx="1283739" cy="11553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4" name="Picture Placeholder 6"/>
          <p:cNvSpPr>
            <a:spLocks noGrp="1"/>
          </p:cNvSpPr>
          <p:nvPr>
            <p:ph type="pic" sz="quarter" idx="158" hasCustomPrompt="1"/>
          </p:nvPr>
        </p:nvSpPr>
        <p:spPr>
          <a:xfrm>
            <a:off x="3976087" y="2292039"/>
            <a:ext cx="1283739" cy="11553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59" hasCustomPrompt="1"/>
          </p:nvPr>
        </p:nvSpPr>
        <p:spPr>
          <a:xfrm>
            <a:off x="6571673" y="2292038"/>
            <a:ext cx="1283739" cy="11553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843434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000"/>
                            </p:stCondLst>
                            <p:childTnLst>
                              <p:par>
                                <p:cTn id="30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000"/>
                            </p:stCondLst>
                            <p:childTnLst>
                              <p:par>
                                <p:cTn id="40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/>
      <p:bldP spid="34" grpId="0"/>
      <p:bldP spid="35" grpId="0"/>
    </p:bldLst>
  </p:timing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142207" y="915566"/>
            <a:ext cx="49685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83518"/>
            <a:ext cx="499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TRATEGIC PLANNING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val 5"/>
          <p:cNvSpPr/>
          <p:nvPr userDrawn="1"/>
        </p:nvSpPr>
        <p:spPr>
          <a:xfrm>
            <a:off x="984060" y="2193626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82" hasCustomPrompt="1"/>
          </p:nvPr>
        </p:nvSpPr>
        <p:spPr>
          <a:xfrm>
            <a:off x="1056280" y="2296999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" name="Oval 7"/>
          <p:cNvSpPr/>
          <p:nvPr userDrawn="1"/>
        </p:nvSpPr>
        <p:spPr>
          <a:xfrm>
            <a:off x="1938066" y="3194590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2009833" y="3298813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0" name="Straight Arrow Connector 9"/>
          <p:cNvCxnSpPr/>
          <p:nvPr userDrawn="1"/>
        </p:nvCxnSpPr>
        <p:spPr>
          <a:xfrm>
            <a:off x="1763688" y="2571750"/>
            <a:ext cx="182800" cy="10009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/>
          <p:cNvSpPr/>
          <p:nvPr userDrawn="1"/>
        </p:nvSpPr>
        <p:spPr>
          <a:xfrm>
            <a:off x="2879155" y="2193626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2950786" y="2298745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Oval 12"/>
          <p:cNvSpPr/>
          <p:nvPr userDrawn="1"/>
        </p:nvSpPr>
        <p:spPr>
          <a:xfrm>
            <a:off x="3815259" y="3194590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91" hasCustomPrompt="1"/>
          </p:nvPr>
        </p:nvSpPr>
        <p:spPr>
          <a:xfrm>
            <a:off x="3876930" y="3299709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5" name="Straight Arrow Connector 14"/>
          <p:cNvCxnSpPr>
            <a:stCxn id="11" idx="6"/>
            <a:endCxn id="13" idx="2"/>
          </p:cNvCxnSpPr>
          <p:nvPr userDrawn="1"/>
        </p:nvCxnSpPr>
        <p:spPr>
          <a:xfrm>
            <a:off x="3650361" y="2579229"/>
            <a:ext cx="164898" cy="10009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>
            <a:stCxn id="8" idx="6"/>
            <a:endCxn id="11" idx="2"/>
          </p:cNvCxnSpPr>
          <p:nvPr userDrawn="1"/>
        </p:nvCxnSpPr>
        <p:spPr>
          <a:xfrm flipV="1">
            <a:off x="2709272" y="2579229"/>
            <a:ext cx="169883" cy="10009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val 16"/>
          <p:cNvSpPr/>
          <p:nvPr userDrawn="1"/>
        </p:nvSpPr>
        <p:spPr>
          <a:xfrm>
            <a:off x="4772245" y="2194345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192" hasCustomPrompt="1"/>
          </p:nvPr>
        </p:nvSpPr>
        <p:spPr>
          <a:xfrm>
            <a:off x="4852204" y="2298745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Oval 18"/>
          <p:cNvSpPr/>
          <p:nvPr userDrawn="1"/>
        </p:nvSpPr>
        <p:spPr>
          <a:xfrm>
            <a:off x="5708349" y="3204197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5770020" y="330859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1" name="Straight Arrow Connector 20"/>
          <p:cNvCxnSpPr>
            <a:stCxn id="17" idx="6"/>
            <a:endCxn id="19" idx="2"/>
          </p:cNvCxnSpPr>
          <p:nvPr userDrawn="1"/>
        </p:nvCxnSpPr>
        <p:spPr>
          <a:xfrm>
            <a:off x="5543451" y="2579948"/>
            <a:ext cx="164898" cy="1009852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val 21"/>
          <p:cNvSpPr/>
          <p:nvPr userDrawn="1"/>
        </p:nvSpPr>
        <p:spPr>
          <a:xfrm>
            <a:off x="6660499" y="2194345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194" hasCustomPrompt="1"/>
          </p:nvPr>
        </p:nvSpPr>
        <p:spPr>
          <a:xfrm>
            <a:off x="6740458" y="2298745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9" idx="6"/>
            <a:endCxn id="22" idx="2"/>
          </p:cNvCxnSpPr>
          <p:nvPr userDrawn="1"/>
        </p:nvCxnSpPr>
        <p:spPr>
          <a:xfrm flipV="1">
            <a:off x="6479555" y="2579948"/>
            <a:ext cx="180944" cy="1009852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>
            <a:stCxn id="13" idx="6"/>
            <a:endCxn id="17" idx="2"/>
          </p:cNvCxnSpPr>
          <p:nvPr userDrawn="1"/>
        </p:nvCxnSpPr>
        <p:spPr>
          <a:xfrm flipV="1">
            <a:off x="4586465" y="2579948"/>
            <a:ext cx="185780" cy="1000245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val 25"/>
          <p:cNvSpPr/>
          <p:nvPr userDrawn="1"/>
        </p:nvSpPr>
        <p:spPr>
          <a:xfrm>
            <a:off x="7614505" y="3204197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95" hasCustomPrompt="1"/>
          </p:nvPr>
        </p:nvSpPr>
        <p:spPr>
          <a:xfrm>
            <a:off x="7676176" y="330859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8" name="Straight Arrow Connector 27"/>
          <p:cNvCxnSpPr>
            <a:stCxn id="22" idx="6"/>
            <a:endCxn id="26" idx="2"/>
          </p:cNvCxnSpPr>
          <p:nvPr userDrawn="1"/>
        </p:nvCxnSpPr>
        <p:spPr>
          <a:xfrm>
            <a:off x="7431705" y="2579948"/>
            <a:ext cx="182800" cy="1009852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 Placeholder 30"/>
          <p:cNvSpPr>
            <a:spLocks noGrp="1"/>
          </p:cNvSpPr>
          <p:nvPr>
            <p:ph type="body" sz="quarter" idx="189" hasCustomPrompt="1"/>
          </p:nvPr>
        </p:nvSpPr>
        <p:spPr>
          <a:xfrm>
            <a:off x="683568" y="1779662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MISSION STATEMENT</a:t>
            </a:r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196" hasCustomPrompt="1"/>
          </p:nvPr>
        </p:nvSpPr>
        <p:spPr>
          <a:xfrm>
            <a:off x="2568236" y="1779662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TRATEGIC DRIVERS</a:t>
            </a:r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197" hasCustomPrompt="1"/>
          </p:nvPr>
        </p:nvSpPr>
        <p:spPr>
          <a:xfrm>
            <a:off x="4495954" y="1779662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ITICAL SUCCESS FACTORS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98" hasCustomPrompt="1"/>
          </p:nvPr>
        </p:nvSpPr>
        <p:spPr>
          <a:xfrm>
            <a:off x="6380622" y="1779662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ONG TERM OBJECTIVES 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99" hasCustomPrompt="1"/>
          </p:nvPr>
        </p:nvSpPr>
        <p:spPr>
          <a:xfrm>
            <a:off x="1619672" y="4083918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VISION  STATEMENT</a:t>
            </a:r>
          </a:p>
        </p:txBody>
      </p:sp>
      <p:sp>
        <p:nvSpPr>
          <p:cNvPr id="34" name="Text Placeholder 30"/>
          <p:cNvSpPr>
            <a:spLocks noGrp="1"/>
          </p:cNvSpPr>
          <p:nvPr>
            <p:ph type="body" sz="quarter" idx="200" hasCustomPrompt="1"/>
          </p:nvPr>
        </p:nvSpPr>
        <p:spPr>
          <a:xfrm>
            <a:off x="3504340" y="4083918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ITICAL BUSINESS ISSUES</a:t>
            </a:r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201" hasCustomPrompt="1"/>
          </p:nvPr>
        </p:nvSpPr>
        <p:spPr>
          <a:xfrm>
            <a:off x="5432058" y="4083918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WOT ANALYSI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202" hasCustomPrompt="1"/>
          </p:nvPr>
        </p:nvSpPr>
        <p:spPr>
          <a:xfrm>
            <a:off x="7316726" y="4083918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ACTICAL INITIATIVES</a:t>
            </a:r>
          </a:p>
        </p:txBody>
      </p:sp>
    </p:spTree>
    <p:extLst>
      <p:ext uri="{BB962C8B-B14F-4D97-AF65-F5344CB8AC3E}">
        <p14:creationId xmlns:p14="http://schemas.microsoft.com/office/powerpoint/2010/main" val="10927526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5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6000"/>
                            </p:stCondLst>
                            <p:childTnLst>
                              <p:par>
                                <p:cTn id="41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00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7500"/>
                            </p:stCondLst>
                            <p:childTnLst>
                              <p:par>
                                <p:cTn id="55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8500"/>
                            </p:stCondLst>
                            <p:childTnLst>
                              <p:par>
                                <p:cTn id="6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9000"/>
                            </p:stCondLst>
                            <p:childTnLst>
                              <p:par>
                                <p:cTn id="69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10000"/>
                            </p:stCondLst>
                            <p:childTnLst>
                              <p:par>
                                <p:cTn id="7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10500"/>
                            </p:stCondLst>
                            <p:childTnLst>
                              <p:par>
                                <p:cTn id="83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11500"/>
                            </p:stCondLst>
                            <p:childTnLst>
                              <p:par>
                                <p:cTn id="9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12000"/>
                            </p:stCondLst>
                            <p:childTnLst>
                              <p:par>
                                <p:cTn id="97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9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13000"/>
                            </p:stCondLst>
                            <p:childTnLst>
                              <p:par>
                                <p:cTn id="10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0" fill="hold">
                            <p:stCondLst>
                              <p:cond delay="13500"/>
                            </p:stCondLst>
                            <p:childTnLst>
                              <p:par>
                                <p:cTn id="111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6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14500"/>
                            </p:stCondLst>
                            <p:childTnLst>
                              <p:par>
                                <p:cTn id="1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7" grpId="0"/>
      <p:bldP spid="8" grpId="0" animBg="1"/>
      <p:bldP spid="9" grpId="0"/>
      <p:bldP spid="11" grpId="0" animBg="1"/>
      <p:bldP spid="12" grpId="0"/>
      <p:bldP spid="13" grpId="0" animBg="1"/>
      <p:bldP spid="14" grpId="0"/>
      <p:bldP spid="17" grpId="0" animBg="1"/>
      <p:bldP spid="18" grpId="0"/>
      <p:bldP spid="19" grpId="0" animBg="1"/>
      <p:bldP spid="20" grpId="0"/>
      <p:bldP spid="22" grpId="0" animBg="1"/>
      <p:bldP spid="23" grpId="0"/>
      <p:bldP spid="26" grpId="0" animBg="1"/>
      <p:bldP spid="27" grpId="0"/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4 STEPS TO SOLVE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3518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BLEM SOLVING 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ounded Rectangle 5"/>
          <p:cNvSpPr/>
          <p:nvPr userDrawn="1"/>
        </p:nvSpPr>
        <p:spPr>
          <a:xfrm>
            <a:off x="1735088" y="1965960"/>
            <a:ext cx="1944216" cy="329184"/>
          </a:xfrm>
          <a:prstGeom prst="roundRect">
            <a:avLst>
              <a:gd name="adj" fmla="val 15272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74" hasCustomPrompt="1"/>
          </p:nvPr>
        </p:nvSpPr>
        <p:spPr>
          <a:xfrm>
            <a:off x="1418456" y="2688310"/>
            <a:ext cx="792088" cy="71287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180"/>
          </p:nvPr>
        </p:nvSpPr>
        <p:spPr>
          <a:xfrm>
            <a:off x="899592" y="4011910"/>
            <a:ext cx="7488832" cy="504056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43"/>
          </p:nvPr>
        </p:nvSpPr>
        <p:spPr>
          <a:xfrm>
            <a:off x="914400" y="3458122"/>
            <a:ext cx="182880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9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81" hasCustomPrompt="1"/>
          </p:nvPr>
        </p:nvSpPr>
        <p:spPr>
          <a:xfrm>
            <a:off x="3319264" y="2688310"/>
            <a:ext cx="792088" cy="71287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82"/>
          </p:nvPr>
        </p:nvSpPr>
        <p:spPr>
          <a:xfrm>
            <a:off x="2815208" y="3458122"/>
            <a:ext cx="182880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9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83" hasCustomPrompt="1"/>
          </p:nvPr>
        </p:nvSpPr>
        <p:spPr>
          <a:xfrm>
            <a:off x="5191472" y="2688310"/>
            <a:ext cx="792088" cy="71287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84"/>
          </p:nvPr>
        </p:nvSpPr>
        <p:spPr>
          <a:xfrm>
            <a:off x="4687416" y="3458122"/>
            <a:ext cx="182880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9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85" hasCustomPrompt="1"/>
          </p:nvPr>
        </p:nvSpPr>
        <p:spPr>
          <a:xfrm>
            <a:off x="7063680" y="2688310"/>
            <a:ext cx="792088" cy="71287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86"/>
          </p:nvPr>
        </p:nvSpPr>
        <p:spPr>
          <a:xfrm>
            <a:off x="6559624" y="3458122"/>
            <a:ext cx="182880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9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187"/>
          </p:nvPr>
        </p:nvSpPr>
        <p:spPr>
          <a:xfrm>
            <a:off x="1807096" y="2002536"/>
            <a:ext cx="1800200" cy="265756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2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9" name="Curved Connector 18"/>
          <p:cNvCxnSpPr>
            <a:stCxn id="6" idx="1"/>
            <a:endCxn id="7" idx="1"/>
          </p:cNvCxnSpPr>
          <p:nvPr userDrawn="1"/>
        </p:nvCxnSpPr>
        <p:spPr>
          <a:xfrm rot="10800000" flipV="1">
            <a:off x="1418456" y="2130551"/>
            <a:ext cx="316632" cy="914197"/>
          </a:xfrm>
          <a:prstGeom prst="bentConnector3">
            <a:avLst>
              <a:gd name="adj1" fmla="val 172197"/>
            </a:avLst>
          </a:prstGeom>
          <a:ln w="635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Curved Connector 18"/>
          <p:cNvCxnSpPr>
            <a:stCxn id="6" idx="3"/>
            <a:endCxn id="12" idx="0"/>
          </p:cNvCxnSpPr>
          <p:nvPr userDrawn="1"/>
        </p:nvCxnSpPr>
        <p:spPr>
          <a:xfrm>
            <a:off x="3679304" y="2130552"/>
            <a:ext cx="1908212" cy="557758"/>
          </a:xfrm>
          <a:prstGeom prst="bentConnector2">
            <a:avLst/>
          </a:prstGeom>
          <a:ln w="635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Curved Connector 18"/>
          <p:cNvCxnSpPr>
            <a:stCxn id="6" idx="0"/>
            <a:endCxn id="14" idx="0"/>
          </p:cNvCxnSpPr>
          <p:nvPr userDrawn="1"/>
        </p:nvCxnSpPr>
        <p:spPr>
          <a:xfrm rot="16200000" flipH="1">
            <a:off x="4722285" y="-49129"/>
            <a:ext cx="722350" cy="4752528"/>
          </a:xfrm>
          <a:prstGeom prst="bentConnector3">
            <a:avLst>
              <a:gd name="adj1" fmla="val -18244"/>
            </a:avLst>
          </a:prstGeom>
          <a:ln w="635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Curved Connector 18"/>
          <p:cNvCxnSpPr>
            <a:stCxn id="6" idx="2"/>
            <a:endCxn id="10" idx="0"/>
          </p:cNvCxnSpPr>
          <p:nvPr userDrawn="1"/>
        </p:nvCxnSpPr>
        <p:spPr>
          <a:xfrm rot="16200000" flipH="1">
            <a:off x="3014669" y="1987671"/>
            <a:ext cx="393166" cy="1008112"/>
          </a:xfrm>
          <a:prstGeom prst="bentConnector3">
            <a:avLst>
              <a:gd name="adj1" fmla="val 50000"/>
            </a:avLst>
          </a:prstGeom>
          <a:ln w="635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363873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25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7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500"/>
                            </p:stCondLst>
                            <p:childTnLst>
                              <p:par>
                                <p:cTn id="34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36" dur="75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25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4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6750"/>
                            </p:stCondLst>
                            <p:childTnLst>
                              <p:par>
                                <p:cTn id="45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47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50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8000"/>
                            </p:stCondLst>
                            <p:childTnLst>
                              <p:par>
                                <p:cTn id="56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58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8750"/>
                            </p:stCondLst>
                            <p:childTnLst>
                              <p:par>
                                <p:cTn id="6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6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9250"/>
                            </p:stCondLst>
                            <p:childTnLst>
                              <p:par>
                                <p:cTn id="67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7" grpId="0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/>
      <p:bldP spid="11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/>
      <p:bldP spid="13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/>
      <p:bldP spid="15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 userDrawn="1"/>
        </p:nvSpPr>
        <p:spPr>
          <a:xfrm>
            <a:off x="2354192" y="2238892"/>
            <a:ext cx="2332314" cy="2332315"/>
          </a:xfrm>
          <a:prstGeom prst="ellipse">
            <a:avLst/>
          </a:prstGeom>
          <a:noFill/>
          <a:ln w="4445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" name="Oval 2"/>
          <p:cNvSpPr/>
          <p:nvPr userDrawn="1"/>
        </p:nvSpPr>
        <p:spPr>
          <a:xfrm>
            <a:off x="4338622" y="2842427"/>
            <a:ext cx="1889562" cy="1889563"/>
          </a:xfrm>
          <a:prstGeom prst="ellipse">
            <a:avLst/>
          </a:prstGeom>
          <a:solidFill>
            <a:srgbClr val="F2F0F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93776"/>
            <a:ext cx="427169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URVEY FEEDBACK</a:t>
            </a:r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/>
          <p:cNvSpPr/>
          <p:nvPr userDrawn="1"/>
        </p:nvSpPr>
        <p:spPr>
          <a:xfrm>
            <a:off x="4681728" y="3182112"/>
            <a:ext cx="1220025" cy="122002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95" hasCustomPrompt="1"/>
          </p:nvPr>
        </p:nvSpPr>
        <p:spPr>
          <a:xfrm>
            <a:off x="4672584" y="3602736"/>
            <a:ext cx="1240885" cy="364171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Branding &amp;</a:t>
            </a:r>
          </a:p>
          <a:p>
            <a:pPr lvl="0"/>
            <a:r>
              <a:rPr lang="en-US" dirty="0" smtClean="0"/>
              <a:t>Communications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97" hasCustomPrompt="1"/>
          </p:nvPr>
        </p:nvSpPr>
        <p:spPr>
          <a:xfrm>
            <a:off x="2555776" y="2787774"/>
            <a:ext cx="1944216" cy="1224136"/>
          </a:xfrm>
          <a:prstGeom prst="rect">
            <a:avLst/>
          </a:prstGeom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50000"/>
              </a:lnSpc>
              <a:buNone/>
              <a:defRPr sz="1600" b="1" spc="0" baseline="0">
                <a:solidFill>
                  <a:srgbClr val="605850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URVEY </a:t>
            </a:r>
          </a:p>
          <a:p>
            <a:pPr lvl="0"/>
            <a:r>
              <a:rPr lang="en-US" dirty="0" smtClean="0"/>
              <a:t>FEEDBACK</a:t>
            </a:r>
          </a:p>
        </p:txBody>
      </p:sp>
      <p:sp>
        <p:nvSpPr>
          <p:cNvPr id="5" name="Oval 4"/>
          <p:cNvSpPr/>
          <p:nvPr userDrawn="1"/>
        </p:nvSpPr>
        <p:spPr>
          <a:xfrm>
            <a:off x="878817" y="2815321"/>
            <a:ext cx="1800200" cy="1800201"/>
          </a:xfrm>
          <a:prstGeom prst="ellipse">
            <a:avLst/>
          </a:prstGeom>
          <a:solidFill>
            <a:srgbClr val="F2F0F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5" name="Oval 14"/>
          <p:cNvSpPr/>
          <p:nvPr userDrawn="1"/>
        </p:nvSpPr>
        <p:spPr>
          <a:xfrm>
            <a:off x="1207008" y="3145536"/>
            <a:ext cx="1162327" cy="1162327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6" name="Text Placeholder 30"/>
          <p:cNvSpPr>
            <a:spLocks noGrp="1"/>
          </p:cNvSpPr>
          <p:nvPr userDrawn="1">
            <p:ph type="body" sz="quarter" idx="98" hasCustomPrompt="1"/>
          </p:nvPr>
        </p:nvSpPr>
        <p:spPr>
          <a:xfrm>
            <a:off x="1216152" y="3547872"/>
            <a:ext cx="1146843" cy="38404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trategic</a:t>
            </a:r>
          </a:p>
          <a:p>
            <a:pPr lvl="0"/>
            <a:r>
              <a:rPr lang="en-US" dirty="0" smtClean="0"/>
              <a:t>Growth</a:t>
            </a:r>
          </a:p>
        </p:txBody>
      </p:sp>
      <p:sp>
        <p:nvSpPr>
          <p:cNvPr id="17" name="Text Placeholder 30"/>
          <p:cNvSpPr>
            <a:spLocks noGrp="1"/>
          </p:cNvSpPr>
          <p:nvPr userDrawn="1">
            <p:ph type="body" sz="quarter" idx="165"/>
          </p:nvPr>
        </p:nvSpPr>
        <p:spPr>
          <a:xfrm>
            <a:off x="5076056" y="1823108"/>
            <a:ext cx="3162488" cy="720080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Oval 3"/>
          <p:cNvSpPr/>
          <p:nvPr userDrawn="1"/>
        </p:nvSpPr>
        <p:spPr>
          <a:xfrm>
            <a:off x="1785735" y="1225644"/>
            <a:ext cx="1562129" cy="1562130"/>
          </a:xfrm>
          <a:prstGeom prst="ellipse">
            <a:avLst/>
          </a:prstGeom>
          <a:solidFill>
            <a:srgbClr val="F2F0F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1" name="Oval 20"/>
          <p:cNvSpPr/>
          <p:nvPr userDrawn="1"/>
        </p:nvSpPr>
        <p:spPr>
          <a:xfrm>
            <a:off x="2066544" y="1499736"/>
            <a:ext cx="1008613" cy="1008613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2" name="Text Placeholder 30"/>
          <p:cNvSpPr>
            <a:spLocks noGrp="1"/>
          </p:cNvSpPr>
          <p:nvPr userDrawn="1">
            <p:ph type="body" sz="quarter" idx="96" hasCustomPrompt="1"/>
          </p:nvPr>
        </p:nvSpPr>
        <p:spPr>
          <a:xfrm>
            <a:off x="2066544" y="1847539"/>
            <a:ext cx="1008112" cy="364171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Organizational</a:t>
            </a:r>
          </a:p>
          <a:p>
            <a:pPr lvl="0"/>
            <a:r>
              <a:rPr lang="en-US" dirty="0" smtClean="0"/>
              <a:t>Development</a:t>
            </a:r>
          </a:p>
        </p:txBody>
      </p:sp>
      <p:sp>
        <p:nvSpPr>
          <p:cNvPr id="18" name="Oval 17"/>
          <p:cNvSpPr/>
          <p:nvPr userDrawn="1"/>
        </p:nvSpPr>
        <p:spPr>
          <a:xfrm>
            <a:off x="2915816" y="2787774"/>
            <a:ext cx="1220025" cy="1220025"/>
          </a:xfrm>
          <a:prstGeom prst="ellipse">
            <a:avLst/>
          </a:prstGeom>
          <a:noFill/>
          <a:ln w="28575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63"/>
          </p:nvPr>
        </p:nvSpPr>
        <p:spPr>
          <a:xfrm>
            <a:off x="5075627" y="1635646"/>
            <a:ext cx="3168782" cy="288033"/>
          </a:xfrm>
          <a:prstGeom prst="rect">
            <a:avLst/>
          </a:prstGeom>
          <a:ln w="19050">
            <a:noFill/>
          </a:ln>
        </p:spPr>
        <p:txBody>
          <a:bodyPr lIns="91440" tIns="0" rIns="0" bIns="0" anchor="ctr" anchorCtr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2018009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3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4250"/>
                            </p:stCondLst>
                            <p:childTnLst>
                              <p:par>
                                <p:cTn id="31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2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750"/>
                            </p:stCondLst>
                            <p:childTnLst>
                              <p:par>
                                <p:cTn id="46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6750"/>
                            </p:stCondLst>
                            <p:childTnLst>
                              <p:par>
                                <p:cTn id="5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250"/>
                            </p:stCondLst>
                            <p:childTnLst>
                              <p:par>
                                <p:cTn id="61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8250"/>
                            </p:stCondLst>
                            <p:childTnLst>
                              <p:par>
                                <p:cTn id="72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4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8750"/>
                            </p:stCondLst>
                            <p:childTnLst>
                              <p:par>
                                <p:cTn id="78" presetID="22" presetClass="entr" presetSubtype="8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7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0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3" dur="5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3" grpId="0" animBg="1"/>
      <p:bldP spid="7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12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15" grpId="0" animBg="1"/>
      <p:bldP spid="16" grpId="0">
        <p:tmplLst>
          <p:tmpl>
            <p:tnLst>
              <p:par>
                <p:cTn presetID="53" presetClass="entr" presetSubtype="16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6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6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animBg="1"/>
      <p:bldP spid="21" grpId="0" animBg="1"/>
      <p:bldP spid="22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animBg="1"/>
      <p:bldP spid="20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2603910" y="2763079"/>
            <a:ext cx="1560347" cy="528579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4499992" y="2311314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RATEGIES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1637082" y="915566"/>
            <a:ext cx="6473663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1619672" y="493776"/>
            <a:ext cx="650394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PER ORDINATE</a:t>
            </a:r>
            <a:r>
              <a:rPr lang="th-TH" dirty="0" smtClean="0"/>
              <a:t> </a:t>
            </a:r>
            <a:r>
              <a:rPr lang="en-US" dirty="0" smtClean="0"/>
              <a:t>GOAL</a:t>
            </a: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2603910" y="2763079"/>
            <a:ext cx="1560347" cy="528579"/>
          </a:xfrm>
          <a:prstGeom prst="rect">
            <a:avLst/>
          </a:prstGeom>
          <a:noFill/>
        </p:spPr>
        <p:txBody>
          <a:bodyPr wrap="none" lIns="0" tIns="45720" rIns="0" bIns="0" anchor="ctr"/>
          <a:lstStyle>
            <a:lvl1pPr marL="0" indent="0" algn="ctr">
              <a:lnSpc>
                <a:spcPct val="70000"/>
              </a:lnSpc>
              <a:buNone/>
              <a:defRPr sz="1200" b="1" i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 SUPER ORDINATE</a:t>
            </a:r>
          </a:p>
          <a:p>
            <a:pPr lvl="0"/>
            <a:r>
              <a:rPr lang="en-US" dirty="0" smtClean="0"/>
              <a:t>GOAL</a:t>
            </a:r>
            <a:endParaRPr lang="en-US" dirty="0"/>
          </a:p>
        </p:txBody>
      </p:sp>
      <p:cxnSp>
        <p:nvCxnSpPr>
          <p:cNvPr id="9" name="Straight Arrow Connector 8"/>
          <p:cNvCxnSpPr>
            <a:stCxn id="4" idx="0"/>
            <a:endCxn id="10" idx="2"/>
          </p:cNvCxnSpPr>
          <p:nvPr userDrawn="1"/>
        </p:nvCxnSpPr>
        <p:spPr>
          <a:xfrm flipH="1" flipV="1">
            <a:off x="3383868" y="2053810"/>
            <a:ext cx="216" cy="709269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2843808" y="1779490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RUCTURE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4499992" y="3520802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AFF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36" hasCustomPrompt="1"/>
          </p:nvPr>
        </p:nvSpPr>
        <p:spPr>
          <a:xfrm>
            <a:off x="2844024" y="4025622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KILL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37" hasCustomPrompt="1"/>
          </p:nvPr>
        </p:nvSpPr>
        <p:spPr>
          <a:xfrm>
            <a:off x="1187624" y="2312608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YSTEM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38" hasCustomPrompt="1"/>
          </p:nvPr>
        </p:nvSpPr>
        <p:spPr>
          <a:xfrm>
            <a:off x="1187624" y="3521566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YLE</a:t>
            </a:r>
            <a:endParaRPr lang="en-US" dirty="0"/>
          </a:p>
        </p:txBody>
      </p:sp>
      <p:cxnSp>
        <p:nvCxnSpPr>
          <p:cNvPr id="15" name="Straight Arrow Connector 14"/>
          <p:cNvCxnSpPr>
            <a:stCxn id="12" idx="0"/>
            <a:endCxn id="4" idx="2"/>
          </p:cNvCxnSpPr>
          <p:nvPr userDrawn="1"/>
        </p:nvCxnSpPr>
        <p:spPr>
          <a:xfrm flipV="1">
            <a:off x="3384084" y="3291658"/>
            <a:ext cx="0" cy="7339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>
            <a:stCxn id="4" idx="3"/>
            <a:endCxn id="3" idx="2"/>
          </p:cNvCxnSpPr>
          <p:nvPr userDrawn="1"/>
        </p:nvCxnSpPr>
        <p:spPr>
          <a:xfrm flipV="1">
            <a:off x="4164257" y="2585634"/>
            <a:ext cx="875795" cy="441735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>
            <a:stCxn id="4" idx="3"/>
            <a:endCxn id="11" idx="0"/>
          </p:cNvCxnSpPr>
          <p:nvPr userDrawn="1"/>
        </p:nvCxnSpPr>
        <p:spPr>
          <a:xfrm>
            <a:off x="4164257" y="3027369"/>
            <a:ext cx="875795" cy="493433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>
            <a:stCxn id="13" idx="2"/>
            <a:endCxn id="4" idx="1"/>
          </p:cNvCxnSpPr>
          <p:nvPr userDrawn="1"/>
        </p:nvCxnSpPr>
        <p:spPr>
          <a:xfrm>
            <a:off x="1727684" y="2586928"/>
            <a:ext cx="876226" cy="440441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>
            <a:stCxn id="14" idx="0"/>
            <a:endCxn id="4" idx="1"/>
          </p:cNvCxnSpPr>
          <p:nvPr userDrawn="1"/>
        </p:nvCxnSpPr>
        <p:spPr>
          <a:xfrm flipV="1">
            <a:off x="1727684" y="3027369"/>
            <a:ext cx="876226" cy="494197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>
            <a:stCxn id="13" idx="0"/>
            <a:endCxn id="10" idx="1"/>
          </p:cNvCxnSpPr>
          <p:nvPr userDrawn="1"/>
        </p:nvCxnSpPr>
        <p:spPr>
          <a:xfrm flipV="1">
            <a:off x="1727684" y="1916650"/>
            <a:ext cx="1116124" cy="395958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>
            <a:stCxn id="3" idx="1"/>
            <a:endCxn id="13" idx="3"/>
          </p:cNvCxnSpPr>
          <p:nvPr userDrawn="1"/>
        </p:nvCxnSpPr>
        <p:spPr>
          <a:xfrm flipH="1">
            <a:off x="2267744" y="2448474"/>
            <a:ext cx="2232248" cy="129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>
            <a:stCxn id="14" idx="0"/>
            <a:endCxn id="13" idx="2"/>
          </p:cNvCxnSpPr>
          <p:nvPr userDrawn="1"/>
        </p:nvCxnSpPr>
        <p:spPr>
          <a:xfrm flipV="1">
            <a:off x="1727684" y="2586928"/>
            <a:ext cx="0" cy="934638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>
            <a:stCxn id="11" idx="0"/>
            <a:endCxn id="3" idx="2"/>
          </p:cNvCxnSpPr>
          <p:nvPr userDrawn="1"/>
        </p:nvCxnSpPr>
        <p:spPr>
          <a:xfrm flipV="1">
            <a:off x="5040052" y="2585634"/>
            <a:ext cx="0" cy="935168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/>
          <p:cNvCxnSpPr>
            <a:stCxn id="3" idx="0"/>
            <a:endCxn id="10" idx="3"/>
          </p:cNvCxnSpPr>
          <p:nvPr userDrawn="1"/>
        </p:nvCxnSpPr>
        <p:spPr>
          <a:xfrm flipH="1" flipV="1">
            <a:off x="3923928" y="1916650"/>
            <a:ext cx="1116124" cy="3946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>
            <a:stCxn id="11" idx="1"/>
            <a:endCxn id="14" idx="3"/>
          </p:cNvCxnSpPr>
          <p:nvPr userDrawn="1"/>
        </p:nvCxnSpPr>
        <p:spPr>
          <a:xfrm flipH="1">
            <a:off x="2267744" y="3657962"/>
            <a:ext cx="2232248" cy="7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stCxn id="14" idx="2"/>
            <a:endCxn id="12" idx="1"/>
          </p:cNvCxnSpPr>
          <p:nvPr userDrawn="1"/>
        </p:nvCxnSpPr>
        <p:spPr>
          <a:xfrm>
            <a:off x="1727684" y="3795886"/>
            <a:ext cx="1116340" cy="366896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/>
          <p:cNvCxnSpPr>
            <a:stCxn id="11" idx="2"/>
            <a:endCxn id="12" idx="3"/>
          </p:cNvCxnSpPr>
          <p:nvPr userDrawn="1"/>
        </p:nvCxnSpPr>
        <p:spPr>
          <a:xfrm flipH="1">
            <a:off x="3924144" y="3795122"/>
            <a:ext cx="1115908" cy="36766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5951343" y="2372908"/>
            <a:ext cx="2287201" cy="1449810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131688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0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6250"/>
                            </p:stCondLst>
                            <p:childTnLst>
                              <p:par>
                                <p:cTn id="45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47" dur="3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6600"/>
                            </p:stCondLst>
                            <p:childTnLst>
                              <p:par>
                                <p:cTn id="49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51" dur="3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950"/>
                            </p:stCondLst>
                            <p:childTnLst>
                              <p:par>
                                <p:cTn id="53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55" dur="3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7300"/>
                            </p:stCondLst>
                            <p:childTnLst>
                              <p:par>
                                <p:cTn id="57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59" dur="3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650"/>
                            </p:stCondLst>
                            <p:childTnLst>
                              <p:par>
                                <p:cTn id="61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63" dur="3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8000"/>
                            </p:stCondLst>
                            <p:childTnLst>
                              <p:par>
                                <p:cTn id="65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67" dur="3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350"/>
                            </p:stCondLst>
                            <p:childTnLst>
                              <p:par>
                                <p:cTn id="69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1" dur="3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8700"/>
                            </p:stCondLst>
                            <p:childTnLst>
                              <p:par>
                                <p:cTn id="73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5" dur="3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9050"/>
                            </p:stCondLst>
                            <p:childTnLst>
                              <p:par>
                                <p:cTn id="77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9" dur="3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9400"/>
                            </p:stCondLst>
                            <p:childTnLst>
                              <p:par>
                                <p:cTn id="81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3" dur="3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9750"/>
                            </p:stCondLst>
                            <p:childTnLst>
                              <p:par>
                                <p:cTn id="85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87" dur="3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8" presetID="18" presetClass="entr" presetSubtype="9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90" dur="3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1" presetID="18" presetClass="entr" presetSubtype="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93" dur="3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96" dur="3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7" fill="hold">
                            <p:stCondLst>
                              <p:cond delay="10100"/>
                            </p:stCondLst>
                            <p:childTnLst>
                              <p:par>
                                <p:cTn id="98" presetID="22" presetClass="entr" presetSubtype="1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0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>
        <p:tmplLst>
          <p:tmpl>
            <p:tnLst>
              <p:par>
                <p:cTn presetID="22" presetClass="entr" presetSubtype="1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6"/>
          <p:cNvSpPr>
            <a:spLocks noGrp="1" noChangeAspect="1"/>
          </p:cNvSpPr>
          <p:nvPr>
            <p:ph type="pic" sz="quarter" idx="31"/>
          </p:nvPr>
        </p:nvSpPr>
        <p:spPr>
          <a:xfrm>
            <a:off x="4644008" y="1275053"/>
            <a:ext cx="1474898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6153912" y="1275053"/>
            <a:ext cx="2990088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6144768" y="0"/>
            <a:ext cx="1484041" cy="1243584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3111289" y="2571197"/>
            <a:ext cx="3007617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6153912" y="2571197"/>
            <a:ext cx="1474898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36"/>
          </p:nvPr>
        </p:nvSpPr>
        <p:spPr>
          <a:xfrm>
            <a:off x="7669102" y="2562802"/>
            <a:ext cx="1474898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7"/>
          </p:nvPr>
        </p:nvSpPr>
        <p:spPr>
          <a:xfrm>
            <a:off x="4644008" y="3867341"/>
            <a:ext cx="2984801" cy="1289304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38" hasCustomPrompt="1"/>
          </p:nvPr>
        </p:nvSpPr>
        <p:spPr>
          <a:xfrm>
            <a:off x="395536" y="1901952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 PICTURES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395536" y="149163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COMPANY</a:t>
            </a:r>
            <a:endParaRPr lang="en-US" dirty="0"/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4126288" y="160934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251520" y="2542032"/>
            <a:ext cx="2731656" cy="1377100"/>
          </a:xfrm>
          <a:prstGeom prst="rect">
            <a:avLst/>
          </a:prstGeom>
        </p:spPr>
        <p:txBody>
          <a:bodyPr anchor="b"/>
          <a:lstStyle>
            <a:lvl1pPr marL="0" indent="0" algn="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86403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250"/>
                            </p:stCondLst>
                            <p:childTnLst>
                              <p:par>
                                <p:cTn id="24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4750"/>
                            </p:stCondLst>
                            <p:childTnLst>
                              <p:par>
                                <p:cTn id="2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0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250"/>
                            </p:stCondLst>
                            <p:childTnLst>
                              <p:par>
                                <p:cTn id="32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750"/>
                            </p:stCondLst>
                            <p:childTnLst>
                              <p:par>
                                <p:cTn id="36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22" presetClass="entr" presetSubtype="1" fill="hold" grpId="0" nodeType="with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6550"/>
                            </p:stCondLst>
                            <p:childTnLst>
                              <p:par>
                                <p:cTn id="43" presetID="22" presetClass="entr" presetSubtype="2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4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5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4" grpId="0" animBg="1"/>
      <p:bldP spid="15" grpId="0" animBg="1"/>
      <p:bldP spid="18" grpId="0" animBg="1"/>
      <p:bldP spid="19" grpId="0" animBg="1"/>
      <p:bldP spid="20" grpId="0" animBg="1"/>
      <p:bldP spid="21" grpId="0" animBg="1"/>
      <p:bldP spid="2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22" presetClass="entr" presetSubtype="2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483768" y="915566"/>
            <a:ext cx="562697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83768" y="483518"/>
            <a:ext cx="563985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 STRATEGY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/>
          <p:nvPr userDrawn="1"/>
        </p:nvCxnSpPr>
        <p:spPr>
          <a:xfrm>
            <a:off x="4572000" y="1830219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1403648" y="1842920"/>
            <a:ext cx="2124410" cy="182880"/>
          </a:xfrm>
          <a:prstGeom prst="rect">
            <a:avLst/>
          </a:prstGeom>
        </p:spPr>
        <p:txBody>
          <a:bodyPr lIns="91440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PPORTUNITY</a:t>
            </a:r>
            <a:endParaRPr lang="en-US" dirty="0"/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1403648" y="2021664"/>
            <a:ext cx="3024336" cy="883838"/>
          </a:xfrm>
          <a:prstGeom prst="rect">
            <a:avLst/>
          </a:prstGeom>
        </p:spPr>
        <p:txBody>
          <a:bodyPr lIns="91440" tIns="4572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528346" y="2992163"/>
            <a:ext cx="803294" cy="7229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47" hasCustomPrompt="1"/>
          </p:nvPr>
        </p:nvSpPr>
        <p:spPr>
          <a:xfrm>
            <a:off x="528346" y="1779662"/>
            <a:ext cx="803294" cy="7229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48" hasCustomPrompt="1"/>
          </p:nvPr>
        </p:nvSpPr>
        <p:spPr>
          <a:xfrm>
            <a:off x="1403648" y="3061646"/>
            <a:ext cx="2124410" cy="182880"/>
          </a:xfrm>
          <a:prstGeom prst="rect">
            <a:avLst/>
          </a:prstGeom>
        </p:spPr>
        <p:txBody>
          <a:bodyPr lIns="91440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REAT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49"/>
          </p:nvPr>
        </p:nvSpPr>
        <p:spPr>
          <a:xfrm>
            <a:off x="4860032" y="4030579"/>
            <a:ext cx="3378512" cy="324903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8" name="Straight Arrow Connector 17"/>
          <p:cNvCxnSpPr/>
          <p:nvPr userDrawn="1"/>
        </p:nvCxnSpPr>
        <p:spPr>
          <a:xfrm flipV="1">
            <a:off x="5539718" y="1842920"/>
            <a:ext cx="0" cy="1837480"/>
          </a:xfrm>
          <a:prstGeom prst="straightConnector1">
            <a:avLst/>
          </a:prstGeom>
          <a:ln w="25400">
            <a:solidFill>
              <a:srgbClr val="73BCB1"/>
            </a:solidFill>
            <a:headEnd type="non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 userDrawn="1"/>
        </p:nvCxnSpPr>
        <p:spPr>
          <a:xfrm>
            <a:off x="5539718" y="3680400"/>
            <a:ext cx="2232248" cy="0"/>
          </a:xfrm>
          <a:prstGeom prst="straightConnector1">
            <a:avLst/>
          </a:prstGeom>
          <a:ln w="25400">
            <a:solidFill>
              <a:srgbClr val="73BCB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 userDrawn="1"/>
        </p:nvCxnSpPr>
        <p:spPr>
          <a:xfrm>
            <a:off x="5539718" y="2761660"/>
            <a:ext cx="2139696" cy="0"/>
          </a:xfrm>
          <a:prstGeom prst="line">
            <a:avLst/>
          </a:prstGeom>
          <a:ln w="9525">
            <a:solidFill>
              <a:srgbClr val="73BCB1"/>
            </a:solidFill>
            <a:prstDash val="lg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/>
          <p:cNvCxnSpPr/>
          <p:nvPr userDrawn="1"/>
        </p:nvCxnSpPr>
        <p:spPr>
          <a:xfrm>
            <a:off x="6619838" y="1920240"/>
            <a:ext cx="0" cy="1737360"/>
          </a:xfrm>
          <a:prstGeom prst="line">
            <a:avLst/>
          </a:prstGeom>
          <a:ln w="9525">
            <a:solidFill>
              <a:srgbClr val="73BCB1"/>
            </a:solidFill>
            <a:prstDash val="lgDash"/>
            <a:head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 Placeholder 27"/>
          <p:cNvSpPr>
            <a:spLocks noGrp="1"/>
          </p:cNvSpPr>
          <p:nvPr>
            <p:ph type="body" sz="quarter" idx="164" hasCustomPrompt="1"/>
          </p:nvPr>
        </p:nvSpPr>
        <p:spPr>
          <a:xfrm rot="16200000">
            <a:off x="4537396" y="2682867"/>
            <a:ext cx="1626456" cy="261103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5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VALUE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165" hasCustomPrompt="1"/>
          </p:nvPr>
        </p:nvSpPr>
        <p:spPr>
          <a:xfrm>
            <a:off x="5806610" y="3742057"/>
            <a:ext cx="1626456" cy="261103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5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QUALITY</a:t>
            </a:r>
            <a:endParaRPr lang="en-US" dirty="0"/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166"/>
          </p:nvPr>
        </p:nvSpPr>
        <p:spPr>
          <a:xfrm>
            <a:off x="1397032" y="3226109"/>
            <a:ext cx="3024336" cy="883838"/>
          </a:xfrm>
          <a:prstGeom prst="rect">
            <a:avLst/>
          </a:prstGeom>
        </p:spPr>
        <p:txBody>
          <a:bodyPr lIns="91440" tIns="4572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434160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7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250"/>
                            </p:stCondLst>
                            <p:childTnLst>
                              <p:par>
                                <p:cTn id="2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0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60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7000"/>
                            </p:stCondLst>
                            <p:childTnLst>
                              <p:par>
                                <p:cTn id="4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2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750"/>
                            </p:stCondLst>
                            <p:childTnLst>
                              <p:par>
                                <p:cTn id="44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9000"/>
                            </p:stCondLst>
                            <p:childTnLst>
                              <p:par>
                                <p:cTn id="51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9500"/>
                            </p:stCondLst>
                            <p:childTnLst>
                              <p:par>
                                <p:cTn id="55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10000"/>
                            </p:stCondLst>
                            <p:childTnLst>
                              <p:par>
                                <p:cTn id="5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/>
      <p:bldP spid="12" grpId="0"/>
      <p:bldP spid="1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0" name="Picture 49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02723" y="336012"/>
            <a:ext cx="2220673" cy="4165200"/>
          </a:xfrm>
          <a:prstGeom prst="rect">
            <a:avLst/>
          </a:prstGeom>
        </p:spPr>
      </p:pic>
      <p:pic>
        <p:nvPicPr>
          <p:cNvPr id="83" name="Picture 8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357598" y="3597612"/>
            <a:ext cx="596699" cy="557784"/>
          </a:xfrm>
          <a:prstGeom prst="rect">
            <a:avLst/>
          </a:prstGeom>
        </p:spPr>
      </p:pic>
      <p:pic>
        <p:nvPicPr>
          <p:cNvPr id="82" name="Picture 81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400441" y="3810012"/>
            <a:ext cx="354330" cy="320040"/>
          </a:xfrm>
          <a:prstGeom prst="rect">
            <a:avLst/>
          </a:prstGeom>
        </p:spPr>
      </p:pic>
      <p:pic>
        <p:nvPicPr>
          <p:cNvPr id="81" name="Picture 80"/>
          <p:cNvPicPr>
            <a:picLocks noChangeAspect="1"/>
          </p:cNvPicPr>
          <p:nvPr userDrawn="1"/>
        </p:nvPicPr>
        <p:blipFill>
          <a:blip r:embed="rId5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2006408" y="3850204"/>
            <a:ext cx="333756" cy="429768"/>
          </a:xfrm>
          <a:prstGeom prst="rect">
            <a:avLst/>
          </a:prstGeom>
        </p:spPr>
      </p:pic>
      <p:pic>
        <p:nvPicPr>
          <p:cNvPr id="80" name="Picture 79"/>
          <p:cNvPicPr>
            <a:picLocks noChangeAspect="1"/>
          </p:cNvPicPr>
          <p:nvPr userDrawn="1"/>
        </p:nvPicPr>
        <p:blipFill>
          <a:blip r:embed="rId6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2626323" y="3489612"/>
            <a:ext cx="287383" cy="301752"/>
          </a:xfrm>
          <a:prstGeom prst="rect">
            <a:avLst/>
          </a:prstGeom>
        </p:spPr>
      </p:pic>
      <p:pic>
        <p:nvPicPr>
          <p:cNvPr id="79" name="Picture 78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212355" y="3511212"/>
            <a:ext cx="324917" cy="237744"/>
          </a:xfrm>
          <a:prstGeom prst="rect">
            <a:avLst/>
          </a:prstGeom>
        </p:spPr>
      </p:pic>
      <p:pic>
        <p:nvPicPr>
          <p:cNvPr id="78" name="Picture 77"/>
          <p:cNvPicPr>
            <a:picLocks noChangeAspect="1"/>
          </p:cNvPicPr>
          <p:nvPr userDrawn="1"/>
        </p:nvPicPr>
        <p:blipFill>
          <a:blip r:embed="rId8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1938723" y="3503926"/>
            <a:ext cx="182880" cy="182880"/>
          </a:xfrm>
          <a:prstGeom prst="rect">
            <a:avLst/>
          </a:prstGeom>
        </p:spPr>
      </p:pic>
      <p:pic>
        <p:nvPicPr>
          <p:cNvPr id="77" name="Picture 76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500323" y="3150320"/>
            <a:ext cx="378372" cy="274320"/>
          </a:xfrm>
          <a:prstGeom prst="rect">
            <a:avLst/>
          </a:prstGeom>
        </p:spPr>
      </p:pic>
      <p:pic>
        <p:nvPicPr>
          <p:cNvPr id="76" name="Picture 75"/>
          <p:cNvPicPr>
            <a:picLocks noChangeAspect="1"/>
          </p:cNvPicPr>
          <p:nvPr userDrawn="1"/>
        </p:nvPicPr>
        <p:blipFill>
          <a:blip r:embed="rId10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2012429" y="3151319"/>
            <a:ext cx="368634" cy="310896"/>
          </a:xfrm>
          <a:prstGeom prst="rect">
            <a:avLst/>
          </a:prstGeom>
        </p:spPr>
      </p:pic>
      <p:pic>
        <p:nvPicPr>
          <p:cNvPr id="75" name="Picture 74"/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1629308" y="3145465"/>
            <a:ext cx="273547" cy="329184"/>
          </a:xfrm>
          <a:prstGeom prst="rect">
            <a:avLst/>
          </a:prstGeom>
        </p:spPr>
      </p:pic>
      <p:pic>
        <p:nvPicPr>
          <p:cNvPr id="47" name="Picture 46"/>
          <p:cNvPicPr>
            <a:picLocks noChangeAspect="1"/>
          </p:cNvPicPr>
          <p:nvPr userDrawn="1"/>
        </p:nvPicPr>
        <p:blipFill>
          <a:blip r:embed="rId1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1289258" y="3288012"/>
            <a:ext cx="287383" cy="274320"/>
          </a:xfrm>
          <a:prstGeom prst="rect">
            <a:avLst/>
          </a:prstGeom>
        </p:spPr>
      </p:pic>
      <p:pic>
        <p:nvPicPr>
          <p:cNvPr id="45" name="Picture 44"/>
          <p:cNvPicPr>
            <a:picLocks noChangeAspect="1"/>
          </p:cNvPicPr>
          <p:nvPr userDrawn="1"/>
        </p:nvPicPr>
        <p:blipFill>
          <a:blip r:embed="rId13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2241123" y="2658012"/>
            <a:ext cx="640080" cy="448056"/>
          </a:xfrm>
          <a:prstGeom prst="rect">
            <a:avLst/>
          </a:prstGeom>
        </p:spPr>
      </p:pic>
      <p:pic>
        <p:nvPicPr>
          <p:cNvPr id="74" name="Picture 73"/>
          <p:cNvPicPr>
            <a:picLocks noChangeAspect="1"/>
          </p:cNvPicPr>
          <p:nvPr userDrawn="1"/>
        </p:nvPicPr>
        <p:blipFill>
          <a:blip r:embed="rId14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1794723" y="2712012"/>
            <a:ext cx="438912" cy="292608"/>
          </a:xfrm>
          <a:prstGeom prst="rect">
            <a:avLst/>
          </a:prstGeom>
        </p:spPr>
      </p:pic>
      <p:pic>
        <p:nvPicPr>
          <p:cNvPr id="73" name="Picture 72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1282817" y="2841612"/>
            <a:ext cx="429768" cy="429768"/>
          </a:xfrm>
          <a:prstGeom prst="rect">
            <a:avLst/>
          </a:prstGeom>
        </p:spPr>
      </p:pic>
      <p:pic>
        <p:nvPicPr>
          <p:cNvPr id="72" name="Picture 71"/>
          <p:cNvPicPr>
            <a:picLocks noChangeAspect="1"/>
          </p:cNvPicPr>
          <p:nvPr userDrawn="1"/>
        </p:nvPicPr>
        <p:blipFill>
          <a:blip r:embed="rId16"/>
          <a:stretch>
            <a:fillRect/>
          </a:stretch>
        </p:blipFill>
        <p:spPr>
          <a:xfrm>
            <a:off x="2440455" y="2254955"/>
            <a:ext cx="223422" cy="356616"/>
          </a:xfrm>
          <a:prstGeom prst="rect">
            <a:avLst/>
          </a:prstGeom>
        </p:spPr>
      </p:pic>
      <p:pic>
        <p:nvPicPr>
          <p:cNvPr id="71" name="Picture 70"/>
          <p:cNvPicPr>
            <a:picLocks noChangeAspect="1"/>
          </p:cNvPicPr>
          <p:nvPr userDrawn="1"/>
        </p:nvPicPr>
        <p:blipFill>
          <a:blip r:embed="rId17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2158323" y="2424012"/>
            <a:ext cx="219332" cy="228600"/>
          </a:xfrm>
          <a:prstGeom prst="rect">
            <a:avLst/>
          </a:prstGeom>
        </p:spPr>
      </p:pic>
      <p:pic>
        <p:nvPicPr>
          <p:cNvPr id="70" name="Picture 69"/>
          <p:cNvPicPr>
            <a:picLocks noChangeAspect="1"/>
          </p:cNvPicPr>
          <p:nvPr userDrawn="1"/>
        </p:nvPicPr>
        <p:blipFill>
          <a:blip r:embed="rId18"/>
          <a:stretch>
            <a:fillRect/>
          </a:stretch>
        </p:blipFill>
        <p:spPr>
          <a:xfrm>
            <a:off x="1776723" y="2341212"/>
            <a:ext cx="345026" cy="301752"/>
          </a:xfrm>
          <a:prstGeom prst="rect">
            <a:avLst/>
          </a:prstGeom>
        </p:spPr>
      </p:pic>
      <p:pic>
        <p:nvPicPr>
          <p:cNvPr id="69" name="Picture 68"/>
          <p:cNvPicPr>
            <a:picLocks noChangeAspect="1"/>
          </p:cNvPicPr>
          <p:nvPr userDrawn="1"/>
        </p:nvPicPr>
        <p:blipFill>
          <a:blip r:embed="rId19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1433897" y="2423574"/>
            <a:ext cx="279510" cy="356616"/>
          </a:xfrm>
          <a:prstGeom prst="rect">
            <a:avLst/>
          </a:prstGeom>
        </p:spPr>
      </p:pic>
      <p:pic>
        <p:nvPicPr>
          <p:cNvPr id="60" name="Picture 59"/>
          <p:cNvPicPr>
            <a:picLocks noChangeAspect="1"/>
          </p:cNvPicPr>
          <p:nvPr userDrawn="1"/>
        </p:nvPicPr>
        <p:blipFill>
          <a:blip r:embed="rId20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1996323" y="1963212"/>
            <a:ext cx="394252" cy="320040"/>
          </a:xfrm>
          <a:prstGeom prst="rect">
            <a:avLst/>
          </a:prstGeom>
        </p:spPr>
      </p:pic>
      <p:pic>
        <p:nvPicPr>
          <p:cNvPr id="56" name="Picture 55"/>
          <p:cNvPicPr>
            <a:picLocks noChangeAspect="1"/>
          </p:cNvPicPr>
          <p:nvPr userDrawn="1"/>
        </p:nvPicPr>
        <p:blipFill>
          <a:blip r:embed="rId21"/>
          <a:stretch>
            <a:fillRect/>
          </a:stretch>
        </p:blipFill>
        <p:spPr>
          <a:xfrm rot="600000">
            <a:off x="1604283" y="2056452"/>
            <a:ext cx="332686" cy="347472"/>
          </a:xfrm>
          <a:prstGeom prst="rect">
            <a:avLst/>
          </a:prstGeom>
        </p:spPr>
      </p:pic>
      <p:pic>
        <p:nvPicPr>
          <p:cNvPr id="52" name="Picture 51"/>
          <p:cNvPicPr>
            <a:picLocks noChangeAspect="1"/>
          </p:cNvPicPr>
          <p:nvPr userDrawn="1"/>
        </p:nvPicPr>
        <p:blipFill>
          <a:blip r:embed="rId2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1723155" y="1699836"/>
            <a:ext cx="331839" cy="329184"/>
          </a:xfrm>
          <a:prstGeom prst="rect">
            <a:avLst/>
          </a:prstGeom>
        </p:spPr>
      </p:pic>
      <p:pic>
        <p:nvPicPr>
          <p:cNvPr id="51" name="Picture 50"/>
          <p:cNvPicPr>
            <a:picLocks noChangeAspect="1"/>
          </p:cNvPicPr>
          <p:nvPr userDrawn="1"/>
        </p:nvPicPr>
        <p:blipFill>
          <a:blip r:embed="rId23"/>
          <a:stretch>
            <a:fillRect/>
          </a:stretch>
        </p:blipFill>
        <p:spPr>
          <a:xfrm>
            <a:off x="2134635" y="1699836"/>
            <a:ext cx="310896" cy="310896"/>
          </a:xfrm>
          <a:prstGeom prst="rect">
            <a:avLst/>
          </a:prstGeom>
        </p:spPr>
      </p:pic>
      <p:sp>
        <p:nvSpPr>
          <p:cNvPr id="62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4693662" y="2283252"/>
            <a:ext cx="2592288" cy="541868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28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Q 	&amp; 	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36360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75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75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11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25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11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25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25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25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25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25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25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2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13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25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25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nodeType="withEffect">
                                  <p:stCondLst>
                                    <p:cond delay="13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25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25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25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25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25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25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25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25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25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25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2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6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908800" y="1439346"/>
            <a:ext cx="3304391" cy="3294000"/>
          </a:xfrm>
          <a:prstGeom prst="rect">
            <a:avLst/>
          </a:prstGeom>
        </p:spPr>
      </p:pic>
      <p:sp>
        <p:nvSpPr>
          <p:cNvPr id="5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54214" y="915566"/>
            <a:ext cx="387240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CHART</a:t>
            </a:r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55280" y="483518"/>
            <a:ext cx="3890516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RKETING MIX 02</a:t>
            </a:r>
            <a:endParaRPr lang="en-US" dirty="0"/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456068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3633626" y="2157984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4568617" y="2157984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3633626" y="3189315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4568617" y="3189315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556212" y="1874520"/>
            <a:ext cx="0" cy="242316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 userDrawn="1"/>
        </p:nvCxnSpPr>
        <p:spPr>
          <a:xfrm>
            <a:off x="3348644" y="3085826"/>
            <a:ext cx="2414016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546688" y="1707654"/>
            <a:ext cx="2194560" cy="201200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ICE</a:t>
            </a:r>
            <a:endParaRPr lang="en-US" dirty="0"/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546688" y="1886398"/>
            <a:ext cx="2405869" cy="88383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555279" y="3391247"/>
            <a:ext cx="2194560" cy="201200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OMOTION</a:t>
            </a:r>
            <a:endParaRPr lang="en-US" dirty="0"/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555279" y="3569991"/>
            <a:ext cx="2405869" cy="88383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6401297" y="1711464"/>
            <a:ext cx="2194560" cy="201200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ODUCT</a:t>
            </a:r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181397" y="1890208"/>
            <a:ext cx="2405869" cy="88383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Font typeface="Arial" panose="020B0604020202020204" pitchFamily="34" charset="0"/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6409888" y="3395057"/>
            <a:ext cx="2194560" cy="201200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LACE</a:t>
            </a:r>
            <a:endParaRPr lang="en-US" dirty="0"/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6189988" y="3573801"/>
            <a:ext cx="2405869" cy="88383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Font typeface="Arial" panose="020B0604020202020204" pitchFamily="34" charset="0"/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189653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7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25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700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775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85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/>
      <p:bldP spid="9" grpId="0"/>
      <p:bldP spid="10" grpId="0"/>
      <p:bldP spid="11" grpId="0"/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" name="Text Placeholder 30"/>
          <p:cNvSpPr>
            <a:spLocks noGrp="1"/>
          </p:cNvSpPr>
          <p:nvPr>
            <p:ph type="body" sz="quarter" idx="206"/>
          </p:nvPr>
        </p:nvSpPr>
        <p:spPr>
          <a:xfrm>
            <a:off x="755576" y="1851670"/>
            <a:ext cx="166984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4002280" y="915566"/>
            <a:ext cx="410846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IRCLE CHART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95936" y="493776"/>
            <a:ext cx="4127683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RKETING MIX 03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Picture Placeholder 6"/>
          <p:cNvSpPr>
            <a:spLocks noGrp="1"/>
          </p:cNvSpPr>
          <p:nvPr>
            <p:ph type="pic" sz="quarter" idx="198" hasCustomPrompt="1"/>
          </p:nvPr>
        </p:nvSpPr>
        <p:spPr>
          <a:xfrm>
            <a:off x="6264189" y="1961398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6948264" y="1938528"/>
            <a:ext cx="1584176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200" hasCustomPrompt="1"/>
          </p:nvPr>
        </p:nvSpPr>
        <p:spPr>
          <a:xfrm>
            <a:off x="6025285" y="3689590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201"/>
          </p:nvPr>
        </p:nvSpPr>
        <p:spPr>
          <a:xfrm>
            <a:off x="6709360" y="3657600"/>
            <a:ext cx="1607056" cy="225147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0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2549892" y="1592236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203"/>
          </p:nvPr>
        </p:nvSpPr>
        <p:spPr>
          <a:xfrm>
            <a:off x="755576" y="1645920"/>
            <a:ext cx="1673180" cy="247052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204" hasCustomPrompt="1"/>
          </p:nvPr>
        </p:nvSpPr>
        <p:spPr>
          <a:xfrm>
            <a:off x="2264124" y="3617582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205"/>
          </p:nvPr>
        </p:nvSpPr>
        <p:spPr>
          <a:xfrm>
            <a:off x="535932" y="3593592"/>
            <a:ext cx="1640795" cy="225147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7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948264" y="2139703"/>
            <a:ext cx="174873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207"/>
          </p:nvPr>
        </p:nvSpPr>
        <p:spPr>
          <a:xfrm>
            <a:off x="6711696" y="3867894"/>
            <a:ext cx="174873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208"/>
          </p:nvPr>
        </p:nvSpPr>
        <p:spPr>
          <a:xfrm>
            <a:off x="539552" y="3795886"/>
            <a:ext cx="163321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4382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9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9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/>
      <p:bldP spid="24" grpId="0"/>
      <p:bldP spid="30" grpId="0"/>
      <p:bldP spid="37" grpId="0"/>
    </p:bldLst>
  </p:timing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827584" y="3939902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827584" y="3698740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ICE</a:t>
            </a:r>
            <a:endParaRPr lang="en-US" dirty="0"/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205"/>
          </p:nvPr>
        </p:nvSpPr>
        <p:spPr>
          <a:xfrm>
            <a:off x="2699792" y="3939902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06" hasCustomPrompt="1"/>
          </p:nvPr>
        </p:nvSpPr>
        <p:spPr>
          <a:xfrm>
            <a:off x="2699792" y="3698740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LACE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209"/>
          </p:nvPr>
        </p:nvSpPr>
        <p:spPr>
          <a:xfrm>
            <a:off x="4572000" y="3939902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210" hasCustomPrompt="1"/>
          </p:nvPr>
        </p:nvSpPr>
        <p:spPr>
          <a:xfrm>
            <a:off x="4572000" y="3698740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ODUCT</a:t>
            </a:r>
            <a:endParaRPr lang="en-US" dirty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213"/>
          </p:nvPr>
        </p:nvSpPr>
        <p:spPr>
          <a:xfrm>
            <a:off x="6444208" y="3939902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214" hasCustomPrompt="1"/>
          </p:nvPr>
        </p:nvSpPr>
        <p:spPr>
          <a:xfrm>
            <a:off x="6444208" y="3698740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OMOTION</a:t>
            </a:r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671093" y="915566"/>
            <a:ext cx="3858029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INFOGRAPHIC + CONTENT</a:t>
            </a:r>
          </a:p>
        </p:txBody>
      </p:sp>
      <p:sp>
        <p:nvSpPr>
          <p:cNvPr id="3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71094" y="493776"/>
            <a:ext cx="385802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RKETING MIX 04</a:t>
            </a:r>
            <a:endParaRPr lang="en-US" dirty="0"/>
          </a:p>
        </p:txBody>
      </p:sp>
      <p:cxnSp>
        <p:nvCxnSpPr>
          <p:cNvPr id="33" name="Straight Connector 32"/>
          <p:cNvCxnSpPr/>
          <p:nvPr userDrawn="1"/>
        </p:nvCxnSpPr>
        <p:spPr>
          <a:xfrm>
            <a:off x="464400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val 33"/>
          <p:cNvSpPr/>
          <p:nvPr userDrawn="1"/>
        </p:nvSpPr>
        <p:spPr>
          <a:xfrm>
            <a:off x="1371600" y="2690628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1444752" y="279120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8" name="Oval 37"/>
          <p:cNvSpPr/>
          <p:nvPr userDrawn="1"/>
        </p:nvSpPr>
        <p:spPr>
          <a:xfrm>
            <a:off x="3203848" y="2690628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216" hasCustomPrompt="1"/>
          </p:nvPr>
        </p:nvSpPr>
        <p:spPr>
          <a:xfrm>
            <a:off x="3277000" y="279120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0" name="Oval 39"/>
          <p:cNvSpPr/>
          <p:nvPr userDrawn="1"/>
        </p:nvSpPr>
        <p:spPr>
          <a:xfrm>
            <a:off x="5114872" y="2690628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Picture Placeholder 6"/>
          <p:cNvSpPr>
            <a:spLocks noGrp="1"/>
          </p:cNvSpPr>
          <p:nvPr>
            <p:ph type="pic" sz="quarter" idx="217" hasCustomPrompt="1"/>
          </p:nvPr>
        </p:nvSpPr>
        <p:spPr>
          <a:xfrm>
            <a:off x="5188024" y="279120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2" name="Oval 41"/>
          <p:cNvSpPr/>
          <p:nvPr userDrawn="1"/>
        </p:nvSpPr>
        <p:spPr>
          <a:xfrm>
            <a:off x="6947120" y="2690628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218" hasCustomPrompt="1"/>
          </p:nvPr>
        </p:nvSpPr>
        <p:spPr>
          <a:xfrm>
            <a:off x="7020272" y="279120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" name="Oval 5"/>
          <p:cNvSpPr/>
          <p:nvPr userDrawn="1"/>
        </p:nvSpPr>
        <p:spPr>
          <a:xfrm>
            <a:off x="6444208" y="1419622"/>
            <a:ext cx="1512168" cy="1080120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600" dirty="0" smtClean="0"/>
              <a:t>MARKETING </a:t>
            </a:r>
            <a:endParaRPr lang="en-US" sz="1700" dirty="0" smtClean="0"/>
          </a:p>
          <a:p>
            <a:pPr algn="ctr"/>
            <a:r>
              <a:rPr lang="en-US" sz="1600" dirty="0" smtClean="0"/>
              <a:t>MIX</a:t>
            </a:r>
            <a:endParaRPr lang="en-US" dirty="0"/>
          </a:p>
        </p:txBody>
      </p:sp>
      <p:cxnSp>
        <p:nvCxnSpPr>
          <p:cNvPr id="8" name="Elbow Connector 7"/>
          <p:cNvCxnSpPr>
            <a:stCxn id="6" idx="2"/>
            <a:endCxn id="34" idx="2"/>
          </p:cNvCxnSpPr>
          <p:nvPr userDrawn="1"/>
        </p:nvCxnSpPr>
        <p:spPr>
          <a:xfrm rot="10800000" flipV="1">
            <a:off x="1371600" y="1959682"/>
            <a:ext cx="5072608" cy="1126990"/>
          </a:xfrm>
          <a:prstGeom prst="bentConnector3">
            <a:avLst>
              <a:gd name="adj1" fmla="val 104507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Elbow Connector 49"/>
          <p:cNvCxnSpPr>
            <a:stCxn id="6" idx="6"/>
            <a:endCxn id="42" idx="6"/>
          </p:cNvCxnSpPr>
          <p:nvPr userDrawn="1"/>
        </p:nvCxnSpPr>
        <p:spPr>
          <a:xfrm flipH="1">
            <a:off x="7739208" y="1959682"/>
            <a:ext cx="217168" cy="1126990"/>
          </a:xfrm>
          <a:prstGeom prst="bentConnector3">
            <a:avLst>
              <a:gd name="adj1" fmla="val -105264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Elbow Connector 57"/>
          <p:cNvCxnSpPr>
            <a:stCxn id="6" idx="3"/>
            <a:endCxn id="40" idx="0"/>
          </p:cNvCxnSpPr>
          <p:nvPr userDrawn="1"/>
        </p:nvCxnSpPr>
        <p:spPr>
          <a:xfrm rot="5400000">
            <a:off x="5913755" y="1938723"/>
            <a:ext cx="349066" cy="1154744"/>
          </a:xfrm>
          <a:prstGeom prst="bentConnector3">
            <a:avLst>
              <a:gd name="adj1" fmla="val 50000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Elbow Connector 8"/>
          <p:cNvCxnSpPr>
            <a:stCxn id="6" idx="1"/>
            <a:endCxn id="38" idx="0"/>
          </p:cNvCxnSpPr>
          <p:nvPr userDrawn="1"/>
        </p:nvCxnSpPr>
        <p:spPr>
          <a:xfrm rot="16200000" flipH="1" flipV="1">
            <a:off x="4576363" y="601331"/>
            <a:ext cx="1112826" cy="3065768"/>
          </a:xfrm>
          <a:prstGeom prst="bentConnector3">
            <a:avLst>
              <a:gd name="adj1" fmla="val -923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90293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4000"/>
                            </p:stCondLst>
                            <p:childTnLst>
                              <p:par>
                                <p:cTn id="22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24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75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5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250"/>
                            </p:stCondLst>
                            <p:childTnLst>
                              <p:par>
                                <p:cTn id="40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2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00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75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8500"/>
                            </p:stCondLst>
                            <p:childTnLst>
                              <p:par>
                                <p:cTn id="58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60" dur="75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9250"/>
                            </p:stCondLst>
                            <p:childTnLst>
                              <p:par>
                                <p:cTn id="6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10000"/>
                            </p:stCondLst>
                            <p:childTnLst>
                              <p:par>
                                <p:cTn id="6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10750"/>
                            </p:stCondLst>
                            <p:childTnLst>
                              <p:par>
                                <p:cTn id="76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78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11250"/>
                            </p:stCondLst>
                            <p:childTnLst>
                              <p:par>
                                <p:cTn id="8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12000"/>
                            </p:stCondLst>
                            <p:childTnLst>
                              <p:par>
                                <p:cTn id="8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animBg="1"/>
      <p:bldP spid="35" grpId="0"/>
      <p:bldP spid="38" grpId="0" animBg="1"/>
      <p:bldP spid="39" grpId="0"/>
      <p:bldP spid="40" grpId="0" animBg="1"/>
      <p:bldP spid="41" grpId="0"/>
      <p:bldP spid="42" grpId="0" animBg="1"/>
      <p:bldP spid="47" grpId="0"/>
      <p:bldP spid="6" grpId="0" animBg="1"/>
    </p:bldLst>
  </p:timing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967673" y="640904"/>
            <a:ext cx="4814923" cy="562847"/>
          </a:xfrm>
          <a:prstGeom prst="rect">
            <a:avLst/>
          </a:prstGeom>
        </p:spPr>
        <p:txBody>
          <a:bodyPr lIns="182880" tIns="91440" bIns="9144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4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4Cs STRATEGY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95" hasCustomPrompt="1"/>
          </p:nvPr>
        </p:nvSpPr>
        <p:spPr>
          <a:xfrm>
            <a:off x="1311665" y="1061528"/>
            <a:ext cx="4556479" cy="502110"/>
          </a:xfrm>
          <a:prstGeom prst="rect">
            <a:avLst/>
          </a:prstGeom>
        </p:spPr>
        <p:txBody>
          <a:bodyPr lIns="128016" tIns="91440" bIns="91440" anchor="ctr"/>
          <a:lstStyle>
            <a:lvl1pPr marL="0" indent="0" algn="l">
              <a:spcBef>
                <a:spcPts val="0"/>
              </a:spcBef>
              <a:buNone/>
              <a:defRPr sz="22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nhance the marketing mix.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96" hasCustomPrompt="1"/>
          </p:nvPr>
        </p:nvSpPr>
        <p:spPr>
          <a:xfrm>
            <a:off x="971600" y="1079816"/>
            <a:ext cx="504056" cy="381736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1600" b="0" spc="0" baseline="0">
                <a:solidFill>
                  <a:srgbClr val="97CDC5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o 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99592" y="750632"/>
            <a:ext cx="0" cy="6858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268307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1995446" y="915566"/>
            <a:ext cx="6115300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TRATEGIES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1979712" y="483518"/>
            <a:ext cx="614390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ORTER’S GENERIC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7" name="Group 6"/>
          <p:cNvGrpSpPr/>
          <p:nvPr userDrawn="1"/>
        </p:nvGrpSpPr>
        <p:grpSpPr>
          <a:xfrm>
            <a:off x="1680076" y="2210687"/>
            <a:ext cx="1845921" cy="1087840"/>
            <a:chOff x="1691680" y="1562898"/>
            <a:chExt cx="2376264" cy="1574612"/>
          </a:xfrm>
          <a:solidFill>
            <a:srgbClr val="B6DCD7"/>
          </a:solidFill>
        </p:grpSpPr>
        <p:sp>
          <p:nvSpPr>
            <p:cNvPr id="17" name="Rounded Rectangle 16"/>
            <p:cNvSpPr/>
            <p:nvPr userDrawn="1"/>
          </p:nvSpPr>
          <p:spPr>
            <a:xfrm>
              <a:off x="1691680" y="1563638"/>
              <a:ext cx="2376264" cy="1573872"/>
            </a:xfrm>
            <a:prstGeom prst="roundRect">
              <a:avLst>
                <a:gd name="adj" fmla="val 1028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18" name="Rounded Rectangle 17"/>
            <p:cNvSpPr/>
            <p:nvPr userDrawn="1"/>
          </p:nvSpPr>
          <p:spPr>
            <a:xfrm>
              <a:off x="1844080" y="1562898"/>
              <a:ext cx="2223864" cy="1573872"/>
            </a:xfrm>
            <a:prstGeom prst="roundRect">
              <a:avLst>
                <a:gd name="adj" fmla="val 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8" name="Group 7"/>
          <p:cNvGrpSpPr/>
          <p:nvPr userDrawn="1"/>
        </p:nvGrpSpPr>
        <p:grpSpPr>
          <a:xfrm rot="10800000">
            <a:off x="3585544" y="2211198"/>
            <a:ext cx="1845921" cy="1087840"/>
            <a:chOff x="1691680" y="1562898"/>
            <a:chExt cx="2376264" cy="1574612"/>
          </a:xfrm>
          <a:solidFill>
            <a:srgbClr val="73BCB1"/>
          </a:solidFill>
        </p:grpSpPr>
        <p:sp>
          <p:nvSpPr>
            <p:cNvPr id="15" name="Rounded Rectangle 14"/>
            <p:cNvSpPr/>
            <p:nvPr userDrawn="1"/>
          </p:nvSpPr>
          <p:spPr>
            <a:xfrm>
              <a:off x="1691680" y="1563638"/>
              <a:ext cx="2376264" cy="1573872"/>
            </a:xfrm>
            <a:prstGeom prst="roundRect">
              <a:avLst>
                <a:gd name="adj" fmla="val 1028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16" name="Rounded Rectangle 15"/>
            <p:cNvSpPr/>
            <p:nvPr userDrawn="1"/>
          </p:nvSpPr>
          <p:spPr>
            <a:xfrm>
              <a:off x="1844080" y="1562898"/>
              <a:ext cx="2223864" cy="1573872"/>
            </a:xfrm>
            <a:prstGeom prst="roundRect">
              <a:avLst>
                <a:gd name="adj" fmla="val 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9" name="Group 8"/>
          <p:cNvGrpSpPr/>
          <p:nvPr userDrawn="1"/>
        </p:nvGrpSpPr>
        <p:grpSpPr>
          <a:xfrm>
            <a:off x="1680076" y="3354584"/>
            <a:ext cx="1845921" cy="1087840"/>
            <a:chOff x="1691680" y="1562898"/>
            <a:chExt cx="2376264" cy="1574612"/>
          </a:xfrm>
          <a:solidFill>
            <a:srgbClr val="73BCB1"/>
          </a:solidFill>
        </p:grpSpPr>
        <p:sp>
          <p:nvSpPr>
            <p:cNvPr id="13" name="Rounded Rectangle 12"/>
            <p:cNvSpPr/>
            <p:nvPr userDrawn="1"/>
          </p:nvSpPr>
          <p:spPr>
            <a:xfrm>
              <a:off x="1691680" y="1563638"/>
              <a:ext cx="2376264" cy="1573872"/>
            </a:xfrm>
            <a:prstGeom prst="roundRect">
              <a:avLst>
                <a:gd name="adj" fmla="val 1028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14" name="Rounded Rectangle 13"/>
            <p:cNvSpPr/>
            <p:nvPr userDrawn="1"/>
          </p:nvSpPr>
          <p:spPr>
            <a:xfrm>
              <a:off x="1844080" y="1562898"/>
              <a:ext cx="2223864" cy="1573872"/>
            </a:xfrm>
            <a:prstGeom prst="roundRect">
              <a:avLst>
                <a:gd name="adj" fmla="val 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10" name="Group 9"/>
          <p:cNvGrpSpPr/>
          <p:nvPr userDrawn="1"/>
        </p:nvGrpSpPr>
        <p:grpSpPr>
          <a:xfrm rot="10800000">
            <a:off x="3585544" y="3355095"/>
            <a:ext cx="1845921" cy="1087840"/>
            <a:chOff x="1691680" y="1562898"/>
            <a:chExt cx="2376264" cy="1574612"/>
          </a:xfrm>
          <a:solidFill>
            <a:srgbClr val="B6DCD7"/>
          </a:solidFill>
        </p:grpSpPr>
        <p:sp>
          <p:nvSpPr>
            <p:cNvPr id="11" name="Rounded Rectangle 10"/>
            <p:cNvSpPr/>
            <p:nvPr userDrawn="1"/>
          </p:nvSpPr>
          <p:spPr>
            <a:xfrm>
              <a:off x="1691680" y="1563638"/>
              <a:ext cx="2376264" cy="1573872"/>
            </a:xfrm>
            <a:prstGeom prst="roundRect">
              <a:avLst>
                <a:gd name="adj" fmla="val 1028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12" name="Rounded Rectangle 11"/>
            <p:cNvSpPr/>
            <p:nvPr userDrawn="1"/>
          </p:nvSpPr>
          <p:spPr>
            <a:xfrm>
              <a:off x="1844080" y="1562898"/>
              <a:ext cx="2223864" cy="1573872"/>
            </a:xfrm>
            <a:prstGeom prst="roundRect">
              <a:avLst>
                <a:gd name="adj" fmla="val 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sp>
        <p:nvSpPr>
          <p:cNvPr id="19" name="Text Placeholder 30"/>
          <p:cNvSpPr>
            <a:spLocks noGrp="1"/>
          </p:cNvSpPr>
          <p:nvPr userDrawn="1">
            <p:ph type="body" sz="quarter" idx="96" hasCustomPrompt="1"/>
          </p:nvPr>
        </p:nvSpPr>
        <p:spPr>
          <a:xfrm>
            <a:off x="1798463" y="2302993"/>
            <a:ext cx="1477394" cy="56858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4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ST  LEADERSHIP</a:t>
            </a:r>
          </a:p>
        </p:txBody>
      </p:sp>
      <p:sp>
        <p:nvSpPr>
          <p:cNvPr id="20" name="Text Placeholder 30"/>
          <p:cNvSpPr>
            <a:spLocks noGrp="1"/>
          </p:cNvSpPr>
          <p:nvPr userDrawn="1">
            <p:ph type="body" sz="quarter" idx="97" hasCustomPrompt="1"/>
          </p:nvPr>
        </p:nvSpPr>
        <p:spPr>
          <a:xfrm>
            <a:off x="1798463" y="3814993"/>
            <a:ext cx="1477394" cy="56858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4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RODUCT DIFFERENTIATION</a:t>
            </a:r>
          </a:p>
        </p:txBody>
      </p:sp>
      <p:sp>
        <p:nvSpPr>
          <p:cNvPr id="21" name="Text Placeholder 30"/>
          <p:cNvSpPr>
            <a:spLocks noGrp="1"/>
          </p:cNvSpPr>
          <p:nvPr userDrawn="1">
            <p:ph type="body" sz="quarter" idx="98" hasCustomPrompt="1"/>
          </p:nvPr>
        </p:nvSpPr>
        <p:spPr>
          <a:xfrm>
            <a:off x="3837465" y="3814993"/>
            <a:ext cx="1477394" cy="56858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4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IFFERENTIATION FOCUS</a:t>
            </a:r>
          </a:p>
        </p:txBody>
      </p:sp>
      <p:sp>
        <p:nvSpPr>
          <p:cNvPr id="22" name="Text Placeholder 30"/>
          <p:cNvSpPr>
            <a:spLocks noGrp="1"/>
          </p:cNvSpPr>
          <p:nvPr userDrawn="1">
            <p:ph type="body" sz="quarter" idx="99" hasCustomPrompt="1"/>
          </p:nvPr>
        </p:nvSpPr>
        <p:spPr>
          <a:xfrm>
            <a:off x="3835684" y="2302993"/>
            <a:ext cx="1477394" cy="56858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4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ST                 FOCUS</a:t>
            </a:r>
          </a:p>
        </p:txBody>
      </p:sp>
      <p:sp>
        <p:nvSpPr>
          <p:cNvPr id="23" name="Text Placeholder 30"/>
          <p:cNvSpPr>
            <a:spLocks noGrp="1"/>
          </p:cNvSpPr>
          <p:nvPr userDrawn="1">
            <p:ph type="body" sz="quarter" idx="100" hasCustomPrompt="1"/>
          </p:nvPr>
        </p:nvSpPr>
        <p:spPr>
          <a:xfrm>
            <a:off x="2695161" y="3076994"/>
            <a:ext cx="1728192" cy="501845"/>
          </a:xfrm>
          <a:prstGeom prst="rect">
            <a:avLst/>
          </a:prstGeom>
          <a:solidFill>
            <a:schemeClr val="bg1"/>
          </a:solidFill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400" baseline="0">
                <a:solidFill>
                  <a:srgbClr val="605850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ST</a:t>
            </a:r>
          </a:p>
          <a:p>
            <a:pPr lvl="0"/>
            <a:r>
              <a:rPr lang="en-US" dirty="0" smtClean="0"/>
              <a:t>DIFFERENTIATION</a:t>
            </a:r>
          </a:p>
        </p:txBody>
      </p:sp>
      <p:sp>
        <p:nvSpPr>
          <p:cNvPr id="24" name="Text Placeholder 27"/>
          <p:cNvSpPr>
            <a:spLocks noGrp="1"/>
          </p:cNvSpPr>
          <p:nvPr userDrawn="1">
            <p:ph type="body" sz="quarter" idx="153" hasCustomPrompt="1"/>
          </p:nvPr>
        </p:nvSpPr>
        <p:spPr>
          <a:xfrm>
            <a:off x="3585544" y="1932959"/>
            <a:ext cx="1845921" cy="277728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arrow (Market Segment)</a:t>
            </a:r>
          </a:p>
        </p:txBody>
      </p:sp>
      <p:sp>
        <p:nvSpPr>
          <p:cNvPr id="25" name="Text Placeholder 27"/>
          <p:cNvSpPr>
            <a:spLocks noGrp="1"/>
          </p:cNvSpPr>
          <p:nvPr userDrawn="1">
            <p:ph type="body" sz="quarter" idx="154" hasCustomPrompt="1"/>
          </p:nvPr>
        </p:nvSpPr>
        <p:spPr>
          <a:xfrm>
            <a:off x="1680076" y="1932959"/>
            <a:ext cx="1845921" cy="277728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road (Industry Wide)</a:t>
            </a:r>
          </a:p>
        </p:txBody>
      </p:sp>
      <p:sp>
        <p:nvSpPr>
          <p:cNvPr id="26" name="Text Placeholder 27"/>
          <p:cNvSpPr>
            <a:spLocks noGrp="1"/>
          </p:cNvSpPr>
          <p:nvPr userDrawn="1">
            <p:ph type="body" sz="quarter" idx="156" hasCustomPrompt="1"/>
          </p:nvPr>
        </p:nvSpPr>
        <p:spPr>
          <a:xfrm rot="16200000">
            <a:off x="979065" y="2615998"/>
            <a:ext cx="1088352" cy="277728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qual Benefits</a:t>
            </a:r>
          </a:p>
        </p:txBody>
      </p:sp>
      <p:sp>
        <p:nvSpPr>
          <p:cNvPr id="27" name="Text Placeholder 27"/>
          <p:cNvSpPr>
            <a:spLocks noGrp="1"/>
          </p:cNvSpPr>
          <p:nvPr userDrawn="1">
            <p:ph type="body" sz="quarter" idx="157" hasCustomPrompt="1"/>
          </p:nvPr>
        </p:nvSpPr>
        <p:spPr>
          <a:xfrm rot="16200000">
            <a:off x="979065" y="3760918"/>
            <a:ext cx="1088352" cy="277728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Higher Benefits</a:t>
            </a:r>
          </a:p>
        </p:txBody>
      </p:sp>
      <p:sp>
        <p:nvSpPr>
          <p:cNvPr id="28" name="Text Placeholder 27"/>
          <p:cNvSpPr>
            <a:spLocks noGrp="1"/>
          </p:cNvSpPr>
          <p:nvPr userDrawn="1">
            <p:ph type="body" sz="quarter" idx="187" hasCustomPrompt="1"/>
          </p:nvPr>
        </p:nvSpPr>
        <p:spPr>
          <a:xfrm>
            <a:off x="2415675" y="1634623"/>
            <a:ext cx="2220643" cy="217517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200" b="1" spc="10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COPE OF ACTIVITIES</a:t>
            </a:r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 userDrawn="1">
            <p:ph type="body" sz="quarter" idx="188" hasCustomPrompt="1"/>
          </p:nvPr>
        </p:nvSpPr>
        <p:spPr>
          <a:xfrm rot="16200000">
            <a:off x="42046" y="3223856"/>
            <a:ext cx="2220643" cy="217517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200" b="1" spc="10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ASE OF ADVANTAGE </a:t>
            </a:r>
            <a:endParaRPr lang="en-US" dirty="0"/>
          </a:p>
        </p:txBody>
      </p:sp>
      <p:sp>
        <p:nvSpPr>
          <p:cNvPr id="30" name="Text Placeholder 30"/>
          <p:cNvSpPr>
            <a:spLocks noGrp="1"/>
          </p:cNvSpPr>
          <p:nvPr userDrawn="1">
            <p:ph type="body" sz="quarter" idx="165"/>
          </p:nvPr>
        </p:nvSpPr>
        <p:spPr>
          <a:xfrm>
            <a:off x="5796136" y="2427734"/>
            <a:ext cx="2442408" cy="2014179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31822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53" presetClass="entr" presetSubtype="16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25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750"/>
                            </p:stCondLst>
                            <p:childTnLst>
                              <p:par>
                                <p:cTn id="33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625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6750"/>
                            </p:stCondLst>
                            <p:childTnLst>
                              <p:par>
                                <p:cTn id="43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25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750"/>
                            </p:stCondLst>
                            <p:childTnLst>
                              <p:par>
                                <p:cTn id="53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8250"/>
                            </p:stCondLst>
                            <p:childTnLst>
                              <p:par>
                                <p:cTn id="5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87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9500"/>
                            </p:stCondLst>
                            <p:childTnLst>
                              <p:par>
                                <p:cTn id="6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10750"/>
                            </p:stCondLst>
                            <p:childTnLst>
                              <p:par>
                                <p:cTn id="80" presetID="22" presetClass="entr" presetSubtype="1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2" dur="1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22" presetClass="entr" presetSubtype="1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826645" y="915566"/>
            <a:ext cx="3899323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827584" y="483518"/>
            <a:ext cx="3917563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WOT ANALYSIS 01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4860032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22466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val 2"/>
          <p:cNvSpPr/>
          <p:nvPr userDrawn="1"/>
        </p:nvSpPr>
        <p:spPr>
          <a:xfrm>
            <a:off x="3345608" y="1853958"/>
            <a:ext cx="2520280" cy="2520280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3674776" y="2181203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4629168" y="2185416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595092" y="1831062"/>
            <a:ext cx="0" cy="2560320"/>
          </a:xfrm>
          <a:prstGeom prst="line">
            <a:avLst/>
          </a:prstGeom>
          <a:ln w="50800">
            <a:solidFill>
              <a:srgbClr val="F3F1F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 userDrawn="1"/>
        </p:nvCxnSpPr>
        <p:spPr>
          <a:xfrm>
            <a:off x="3275856" y="3085826"/>
            <a:ext cx="2560320" cy="0"/>
          </a:xfrm>
          <a:prstGeom prst="line">
            <a:avLst/>
          </a:prstGeom>
          <a:ln w="50800">
            <a:solidFill>
              <a:srgbClr val="F3F1F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546688" y="1886398"/>
            <a:ext cx="2405869" cy="883838"/>
          </a:xfrm>
          <a:prstGeom prst="rect">
            <a:avLst/>
          </a:prstGeom>
        </p:spPr>
        <p:txBody>
          <a:bodyPr lIns="128016" tIns="9144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555279" y="3575304"/>
            <a:ext cx="2405869" cy="883838"/>
          </a:xfrm>
          <a:prstGeom prst="rect">
            <a:avLst/>
          </a:prstGeom>
        </p:spPr>
        <p:txBody>
          <a:bodyPr lIns="128016" tIns="9144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181397" y="1901952"/>
            <a:ext cx="2405869" cy="883838"/>
          </a:xfrm>
          <a:prstGeom prst="rect">
            <a:avLst/>
          </a:prstGeom>
        </p:spPr>
        <p:txBody>
          <a:bodyPr lIns="109728" tIns="9144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6181344" y="3584448"/>
            <a:ext cx="2405869" cy="883838"/>
          </a:xfrm>
          <a:prstGeom prst="rect">
            <a:avLst/>
          </a:prstGeom>
        </p:spPr>
        <p:txBody>
          <a:bodyPr lIns="109728" tIns="9144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" name="Rectangle 1"/>
          <p:cNvSpPr/>
          <p:nvPr userDrawn="1"/>
        </p:nvSpPr>
        <p:spPr>
          <a:xfrm>
            <a:off x="539552" y="3507854"/>
            <a:ext cx="2487168" cy="1008112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1403648" y="3391247"/>
            <a:ext cx="1426464" cy="219456"/>
          </a:xfrm>
          <a:prstGeom prst="rect">
            <a:avLst/>
          </a:prstGeom>
          <a:solidFill>
            <a:srgbClr val="73BCB1"/>
          </a:solidFill>
        </p:spPr>
        <p:txBody>
          <a:bodyPr lIns="0" tIns="0" rIns="128016" bIns="0" anchor="ctr"/>
          <a:lstStyle>
            <a:lvl1pPr marL="0" indent="0" algn="r">
              <a:buNone/>
              <a:defRPr sz="11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1" name="Rectangle 20"/>
          <p:cNvSpPr/>
          <p:nvPr userDrawn="1"/>
        </p:nvSpPr>
        <p:spPr>
          <a:xfrm>
            <a:off x="530352" y="1810512"/>
            <a:ext cx="2487168" cy="1008112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Rectangle 21"/>
          <p:cNvSpPr/>
          <p:nvPr userDrawn="1"/>
        </p:nvSpPr>
        <p:spPr>
          <a:xfrm>
            <a:off x="6108192" y="1810512"/>
            <a:ext cx="2487168" cy="1008112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1403648" y="1707654"/>
            <a:ext cx="1426464" cy="219456"/>
          </a:xfrm>
          <a:prstGeom prst="rect">
            <a:avLst/>
          </a:prstGeom>
          <a:solidFill>
            <a:srgbClr val="73BCB1"/>
          </a:solidFill>
        </p:spPr>
        <p:txBody>
          <a:bodyPr lIns="0" tIns="0" rIns="128016" bIns="0" anchor="ctr"/>
          <a:lstStyle>
            <a:lvl1pPr marL="0" indent="0" algn="r">
              <a:buNone/>
              <a:defRPr sz="11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6307032" y="1711464"/>
            <a:ext cx="1426464" cy="219456"/>
          </a:xfrm>
          <a:prstGeom prst="rect">
            <a:avLst/>
          </a:prstGeom>
          <a:solidFill>
            <a:srgbClr val="968B7F"/>
          </a:solidFill>
        </p:spPr>
        <p:txBody>
          <a:bodyPr lIns="128016" tIns="0" bIns="0" anchor="ctr"/>
          <a:lstStyle>
            <a:lvl1pPr marL="0" indent="0" algn="l">
              <a:buNone/>
              <a:defRPr sz="11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0" name="Picture Placeholder 6"/>
          <p:cNvSpPr>
            <a:spLocks noGrp="1"/>
          </p:cNvSpPr>
          <p:nvPr>
            <p:ph type="pic" sz="quarter" idx="151" hasCustomPrompt="1"/>
          </p:nvPr>
        </p:nvSpPr>
        <p:spPr>
          <a:xfrm>
            <a:off x="3674776" y="3163824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Picture Placeholder 6"/>
          <p:cNvSpPr>
            <a:spLocks noGrp="1"/>
          </p:cNvSpPr>
          <p:nvPr>
            <p:ph type="pic" sz="quarter" idx="152" hasCustomPrompt="1"/>
          </p:nvPr>
        </p:nvSpPr>
        <p:spPr>
          <a:xfrm>
            <a:off x="4629168" y="3163824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Rectangle 34"/>
          <p:cNvSpPr/>
          <p:nvPr userDrawn="1"/>
        </p:nvSpPr>
        <p:spPr>
          <a:xfrm>
            <a:off x="6108192" y="3507854"/>
            <a:ext cx="2487168" cy="1008112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6316176" y="3395057"/>
            <a:ext cx="1426464" cy="219456"/>
          </a:xfrm>
          <a:prstGeom prst="rect">
            <a:avLst/>
          </a:prstGeom>
          <a:solidFill>
            <a:srgbClr val="968B7F"/>
          </a:solidFill>
        </p:spPr>
        <p:txBody>
          <a:bodyPr lIns="128016" tIns="0" bIns="0" anchor="ctr"/>
          <a:lstStyle>
            <a:lvl1pPr marL="0" indent="0" algn="l">
              <a:buNone/>
              <a:defRPr sz="11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WITH CIRCLE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83518"/>
            <a:ext cx="4271699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WOT ANALYSIS 02</a:t>
            </a:r>
          </a:p>
        </p:txBody>
      </p:sp>
      <p:cxnSp>
        <p:nvCxnSpPr>
          <p:cNvPr id="40" name="Straight Connector 39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07348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4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4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4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900"/>
                            </p:stCondLst>
                            <p:childTnLst>
                              <p:par>
                                <p:cTn id="22" presetID="22" presetClass="entr" presetSubtype="1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4" dur="4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2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7" dur="4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55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0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050"/>
                            </p:stCondLst>
                            <p:childTnLst>
                              <p:par>
                                <p:cTn id="4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1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80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8300"/>
                            </p:stCondLst>
                            <p:childTnLst>
                              <p:par>
                                <p:cTn id="6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2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9050"/>
                            </p:stCondLst>
                            <p:childTnLst>
                              <p:par>
                                <p:cTn id="6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9550"/>
                            </p:stCondLst>
                            <p:childTnLst>
                              <p:par>
                                <p:cTn id="71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3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0300"/>
                            </p:stCondLst>
                            <p:childTnLst>
                              <p:par>
                                <p:cTn id="7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10800"/>
                            </p:stCondLst>
                            <p:childTnLst>
                              <p:par>
                                <p:cTn id="82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4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8" grpId="0"/>
      <p:bldP spid="9" grpId="0"/>
      <p:bldP spid="33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36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22" grpId="0" animBg="1"/>
      <p:bldP spid="3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/>
      <p:bldP spid="31" grpId="0"/>
      <p:bldP spid="35" grpId="0" animBg="1"/>
      <p:bldP spid="26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142207" y="915566"/>
            <a:ext cx="49685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83518"/>
            <a:ext cx="499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RM SUCCESS FACTORS</a:t>
            </a:r>
            <a:endParaRPr lang="en-US" dirty="0"/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 Placeholder 30"/>
          <p:cNvSpPr>
            <a:spLocks noGrp="1"/>
          </p:cNvSpPr>
          <p:nvPr>
            <p:ph type="body" sz="quarter" idx="100" hasCustomPrompt="1"/>
          </p:nvPr>
        </p:nvSpPr>
        <p:spPr>
          <a:xfrm>
            <a:off x="6407991" y="1616214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TRSTEGY, VISION &amp; ROADMAPS</a:t>
            </a:r>
          </a:p>
        </p:txBody>
      </p:sp>
      <p:cxnSp>
        <p:nvCxnSpPr>
          <p:cNvPr id="31" name="Straight Arrow Connector 30"/>
          <p:cNvCxnSpPr/>
          <p:nvPr userDrawn="1"/>
        </p:nvCxnSpPr>
        <p:spPr>
          <a:xfrm>
            <a:off x="5220072" y="1917026"/>
            <a:ext cx="2628079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 Placeholder 30"/>
          <p:cNvSpPr>
            <a:spLocks noGrp="1"/>
          </p:cNvSpPr>
          <p:nvPr>
            <p:ph type="body" sz="quarter" idx="101" hasCustomPrompt="1"/>
          </p:nvPr>
        </p:nvSpPr>
        <p:spPr>
          <a:xfrm>
            <a:off x="3917250" y="3003798"/>
            <a:ext cx="1440160" cy="43204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400" b="1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M SUCCESS FACTORS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02" hasCustomPrompt="1"/>
          </p:nvPr>
        </p:nvSpPr>
        <p:spPr>
          <a:xfrm>
            <a:off x="6407991" y="2270938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DUSTRY                BEST PRACTICES</a:t>
            </a:r>
          </a:p>
        </p:txBody>
      </p:sp>
      <p:cxnSp>
        <p:nvCxnSpPr>
          <p:cNvPr id="34" name="Straight Arrow Connector 33"/>
          <p:cNvCxnSpPr/>
          <p:nvPr userDrawn="1"/>
        </p:nvCxnSpPr>
        <p:spPr>
          <a:xfrm>
            <a:off x="5655715" y="2571750"/>
            <a:ext cx="2192436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 Placeholder 30"/>
          <p:cNvSpPr>
            <a:spLocks noGrp="1"/>
          </p:cNvSpPr>
          <p:nvPr>
            <p:ph type="body" sz="quarter" idx="103" hasCustomPrompt="1"/>
          </p:nvPr>
        </p:nvSpPr>
        <p:spPr>
          <a:xfrm>
            <a:off x="6407991" y="293179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YSTEM                    INTEGRATION</a:t>
            </a:r>
          </a:p>
        </p:txBody>
      </p:sp>
      <p:cxnSp>
        <p:nvCxnSpPr>
          <p:cNvPr id="36" name="Straight Arrow Connector 35"/>
          <p:cNvCxnSpPr/>
          <p:nvPr userDrawn="1"/>
        </p:nvCxnSpPr>
        <p:spPr>
          <a:xfrm>
            <a:off x="5655715" y="3232602"/>
            <a:ext cx="2192436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 Placeholder 30"/>
          <p:cNvSpPr>
            <a:spLocks noGrp="1"/>
          </p:cNvSpPr>
          <p:nvPr>
            <p:ph type="body" sz="quarter" idx="104" hasCustomPrompt="1"/>
          </p:nvPr>
        </p:nvSpPr>
        <p:spPr>
          <a:xfrm>
            <a:off x="6407991" y="3579862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ATA QUALITY                    &amp; MANAGEMENT</a:t>
            </a:r>
          </a:p>
        </p:txBody>
      </p:sp>
      <p:cxnSp>
        <p:nvCxnSpPr>
          <p:cNvPr id="38" name="Straight Arrow Connector 37"/>
          <p:cNvCxnSpPr/>
          <p:nvPr userDrawn="1"/>
        </p:nvCxnSpPr>
        <p:spPr>
          <a:xfrm>
            <a:off x="5004048" y="3880674"/>
            <a:ext cx="2844103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 Placeholder 30"/>
          <p:cNvSpPr>
            <a:spLocks noGrp="1"/>
          </p:cNvSpPr>
          <p:nvPr>
            <p:ph type="body" sz="quarter" idx="105" hasCustomPrompt="1"/>
          </p:nvPr>
        </p:nvSpPr>
        <p:spPr>
          <a:xfrm>
            <a:off x="1437633" y="357840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BUSINESS PROCESS      OPTIMIZATION</a:t>
            </a:r>
          </a:p>
        </p:txBody>
      </p:sp>
      <p:cxnSp>
        <p:nvCxnSpPr>
          <p:cNvPr id="40" name="Straight Arrow Connector 39"/>
          <p:cNvCxnSpPr/>
          <p:nvPr userDrawn="1"/>
        </p:nvCxnSpPr>
        <p:spPr>
          <a:xfrm>
            <a:off x="1362112" y="3880800"/>
            <a:ext cx="2849848" cy="0"/>
          </a:xfrm>
          <a:prstGeom prst="straightConnector1">
            <a:avLst/>
          </a:prstGeom>
          <a:ln w="12700">
            <a:solidFill>
              <a:srgbClr val="605850"/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 Placeholder 30"/>
          <p:cNvSpPr>
            <a:spLocks noGrp="1"/>
          </p:cNvSpPr>
          <p:nvPr>
            <p:ph type="body" sz="quarter" idx="106" hasCustomPrompt="1"/>
          </p:nvPr>
        </p:nvSpPr>
        <p:spPr>
          <a:xfrm>
            <a:off x="1420356" y="293040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RODUCT       EXPERTISE</a:t>
            </a:r>
          </a:p>
        </p:txBody>
      </p:sp>
      <p:cxnSp>
        <p:nvCxnSpPr>
          <p:cNvPr id="42" name="Straight Arrow Connector 41"/>
          <p:cNvCxnSpPr/>
          <p:nvPr userDrawn="1"/>
        </p:nvCxnSpPr>
        <p:spPr>
          <a:xfrm>
            <a:off x="1344835" y="3232800"/>
            <a:ext cx="2291061" cy="0"/>
          </a:xfrm>
          <a:prstGeom prst="straightConnector1">
            <a:avLst/>
          </a:prstGeom>
          <a:ln w="12700">
            <a:solidFill>
              <a:srgbClr val="605850"/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Text Placeholder 30"/>
          <p:cNvSpPr>
            <a:spLocks noGrp="1"/>
          </p:cNvSpPr>
          <p:nvPr>
            <p:ph type="body" sz="quarter" idx="107" hasCustomPrompt="1"/>
          </p:nvPr>
        </p:nvSpPr>
        <p:spPr>
          <a:xfrm>
            <a:off x="1437633" y="227160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ASHBOARD                  &amp; REPORTING</a:t>
            </a:r>
          </a:p>
        </p:txBody>
      </p:sp>
      <p:cxnSp>
        <p:nvCxnSpPr>
          <p:cNvPr id="44" name="Straight Arrow Connector 43"/>
          <p:cNvCxnSpPr/>
          <p:nvPr userDrawn="1"/>
        </p:nvCxnSpPr>
        <p:spPr>
          <a:xfrm>
            <a:off x="1362112" y="2570400"/>
            <a:ext cx="2160000" cy="0"/>
          </a:xfrm>
          <a:prstGeom prst="straightConnector1">
            <a:avLst/>
          </a:prstGeom>
          <a:ln w="12700">
            <a:solidFill>
              <a:srgbClr val="605850"/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 Placeholder 30"/>
          <p:cNvSpPr>
            <a:spLocks noGrp="1"/>
          </p:cNvSpPr>
          <p:nvPr>
            <p:ph type="body" sz="quarter" idx="108" hasCustomPrompt="1"/>
          </p:nvPr>
        </p:nvSpPr>
        <p:spPr>
          <a:xfrm>
            <a:off x="1437633" y="161640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HANGE                      MANAGEMENT</a:t>
            </a:r>
          </a:p>
        </p:txBody>
      </p:sp>
      <p:cxnSp>
        <p:nvCxnSpPr>
          <p:cNvPr id="46" name="Straight Arrow Connector 45"/>
          <p:cNvCxnSpPr/>
          <p:nvPr userDrawn="1"/>
        </p:nvCxnSpPr>
        <p:spPr>
          <a:xfrm>
            <a:off x="1362112" y="1918800"/>
            <a:ext cx="2633824" cy="0"/>
          </a:xfrm>
          <a:prstGeom prst="straightConnector1">
            <a:avLst/>
          </a:prstGeom>
          <a:ln w="12700">
            <a:solidFill>
              <a:srgbClr val="605850"/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Text Placeholder 30"/>
          <p:cNvSpPr>
            <a:spLocks noGrp="1"/>
          </p:cNvSpPr>
          <p:nvPr>
            <p:ph type="body" sz="quarter" idx="109" hasCustomPrompt="1"/>
          </p:nvPr>
        </p:nvSpPr>
        <p:spPr>
          <a:xfrm>
            <a:off x="3116420" y="4227934"/>
            <a:ext cx="3041822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400" b="0" baseline="0">
                <a:solidFill>
                  <a:srgbClr val="4C9E92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FRASTRUCTURE &amp; SUPPORT SERVICE</a:t>
            </a:r>
          </a:p>
        </p:txBody>
      </p:sp>
      <p:sp>
        <p:nvSpPr>
          <p:cNvPr id="48" name="Block Arc 47"/>
          <p:cNvSpPr/>
          <p:nvPr userDrawn="1"/>
        </p:nvSpPr>
        <p:spPr>
          <a:xfrm>
            <a:off x="3635896" y="1851670"/>
            <a:ext cx="1959388" cy="1959388"/>
          </a:xfrm>
          <a:prstGeom prst="blockArc">
            <a:avLst>
              <a:gd name="adj1" fmla="val 15633684"/>
              <a:gd name="adj2" fmla="val 15633327"/>
              <a:gd name="adj3" fmla="val 5791"/>
            </a:avLst>
          </a:prstGeom>
          <a:solidFill>
            <a:srgbClr val="E3E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26372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4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9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400"/>
                            </p:stCondLst>
                            <p:childTnLst>
                              <p:par>
                                <p:cTn id="27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2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5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500"/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5650"/>
                            </p:stCondLst>
                            <p:childTnLst>
                              <p:par>
                                <p:cTn id="4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8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1" dur="50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650"/>
                            </p:stCondLst>
                            <p:childTnLst>
                              <p:par>
                                <p:cTn id="53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1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4" dur="500"/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7650"/>
                            </p:stCondLst>
                            <p:childTnLst>
                              <p:par>
                                <p:cTn id="66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4" dur="50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7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3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animBg="1"/>
    </p:bldLst>
  </p:timing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117" Type="http://schemas.openxmlformats.org/officeDocument/2006/relationships/slideLayout" Target="../slideLayouts/slideLayout118.xml"/><Relationship Id="rId21" Type="http://schemas.openxmlformats.org/officeDocument/2006/relationships/slideLayout" Target="../slideLayouts/slideLayout22.xml"/><Relationship Id="rId42" Type="http://schemas.openxmlformats.org/officeDocument/2006/relationships/slideLayout" Target="../slideLayouts/slideLayout43.xml"/><Relationship Id="rId63" Type="http://schemas.openxmlformats.org/officeDocument/2006/relationships/slideLayout" Target="../slideLayouts/slideLayout64.xml"/><Relationship Id="rId84" Type="http://schemas.openxmlformats.org/officeDocument/2006/relationships/slideLayout" Target="../slideLayouts/slideLayout85.xml"/><Relationship Id="rId138" Type="http://schemas.openxmlformats.org/officeDocument/2006/relationships/slideLayout" Target="../slideLayouts/slideLayout139.xml"/><Relationship Id="rId159" Type="http://schemas.openxmlformats.org/officeDocument/2006/relationships/slideLayout" Target="../slideLayouts/slideLayout160.xml"/><Relationship Id="rId107" Type="http://schemas.openxmlformats.org/officeDocument/2006/relationships/slideLayout" Target="../slideLayouts/slideLayout108.xml"/><Relationship Id="rId11" Type="http://schemas.openxmlformats.org/officeDocument/2006/relationships/slideLayout" Target="../slideLayouts/slideLayout12.xml"/><Relationship Id="rId32" Type="http://schemas.openxmlformats.org/officeDocument/2006/relationships/slideLayout" Target="../slideLayouts/slideLayout33.xml"/><Relationship Id="rId53" Type="http://schemas.openxmlformats.org/officeDocument/2006/relationships/slideLayout" Target="../slideLayouts/slideLayout54.xml"/><Relationship Id="rId74" Type="http://schemas.openxmlformats.org/officeDocument/2006/relationships/slideLayout" Target="../slideLayouts/slideLayout75.xml"/><Relationship Id="rId128" Type="http://schemas.openxmlformats.org/officeDocument/2006/relationships/slideLayout" Target="../slideLayouts/slideLayout129.xml"/><Relationship Id="rId149" Type="http://schemas.openxmlformats.org/officeDocument/2006/relationships/slideLayout" Target="../slideLayouts/slideLayout150.xml"/><Relationship Id="rId5" Type="http://schemas.openxmlformats.org/officeDocument/2006/relationships/slideLayout" Target="../slideLayouts/slideLayout6.xml"/><Relationship Id="rId95" Type="http://schemas.openxmlformats.org/officeDocument/2006/relationships/slideLayout" Target="../slideLayouts/slideLayout96.xml"/><Relationship Id="rId160" Type="http://schemas.openxmlformats.org/officeDocument/2006/relationships/slideLayout" Target="../slideLayouts/slideLayout161.xml"/><Relationship Id="rId22" Type="http://schemas.openxmlformats.org/officeDocument/2006/relationships/slideLayout" Target="../slideLayouts/slideLayout23.xml"/><Relationship Id="rId43" Type="http://schemas.openxmlformats.org/officeDocument/2006/relationships/slideLayout" Target="../slideLayouts/slideLayout44.xml"/><Relationship Id="rId64" Type="http://schemas.openxmlformats.org/officeDocument/2006/relationships/slideLayout" Target="../slideLayouts/slideLayout65.xml"/><Relationship Id="rId118" Type="http://schemas.openxmlformats.org/officeDocument/2006/relationships/slideLayout" Target="../slideLayouts/slideLayout119.xml"/><Relationship Id="rId139" Type="http://schemas.openxmlformats.org/officeDocument/2006/relationships/slideLayout" Target="../slideLayouts/slideLayout140.xml"/><Relationship Id="rId85" Type="http://schemas.openxmlformats.org/officeDocument/2006/relationships/slideLayout" Target="../slideLayouts/slideLayout86.xml"/><Relationship Id="rId150" Type="http://schemas.openxmlformats.org/officeDocument/2006/relationships/slideLayout" Target="../slideLayouts/slideLayout151.xml"/><Relationship Id="rId12" Type="http://schemas.openxmlformats.org/officeDocument/2006/relationships/slideLayout" Target="../slideLayouts/slideLayout13.xml"/><Relationship Id="rId17" Type="http://schemas.openxmlformats.org/officeDocument/2006/relationships/slideLayout" Target="../slideLayouts/slideLayout18.xml"/><Relationship Id="rId33" Type="http://schemas.openxmlformats.org/officeDocument/2006/relationships/slideLayout" Target="../slideLayouts/slideLayout34.xml"/><Relationship Id="rId38" Type="http://schemas.openxmlformats.org/officeDocument/2006/relationships/slideLayout" Target="../slideLayouts/slideLayout39.xml"/><Relationship Id="rId59" Type="http://schemas.openxmlformats.org/officeDocument/2006/relationships/slideLayout" Target="../slideLayouts/slideLayout60.xml"/><Relationship Id="rId103" Type="http://schemas.openxmlformats.org/officeDocument/2006/relationships/slideLayout" Target="../slideLayouts/slideLayout104.xml"/><Relationship Id="rId108" Type="http://schemas.openxmlformats.org/officeDocument/2006/relationships/slideLayout" Target="../slideLayouts/slideLayout109.xml"/><Relationship Id="rId124" Type="http://schemas.openxmlformats.org/officeDocument/2006/relationships/slideLayout" Target="../slideLayouts/slideLayout125.xml"/><Relationship Id="rId129" Type="http://schemas.openxmlformats.org/officeDocument/2006/relationships/slideLayout" Target="../slideLayouts/slideLayout130.xml"/><Relationship Id="rId54" Type="http://schemas.openxmlformats.org/officeDocument/2006/relationships/slideLayout" Target="../slideLayouts/slideLayout55.xml"/><Relationship Id="rId70" Type="http://schemas.openxmlformats.org/officeDocument/2006/relationships/slideLayout" Target="../slideLayouts/slideLayout71.xml"/><Relationship Id="rId75" Type="http://schemas.openxmlformats.org/officeDocument/2006/relationships/slideLayout" Target="../slideLayouts/slideLayout76.xml"/><Relationship Id="rId91" Type="http://schemas.openxmlformats.org/officeDocument/2006/relationships/slideLayout" Target="../slideLayouts/slideLayout92.xml"/><Relationship Id="rId96" Type="http://schemas.openxmlformats.org/officeDocument/2006/relationships/slideLayout" Target="../slideLayouts/slideLayout97.xml"/><Relationship Id="rId140" Type="http://schemas.openxmlformats.org/officeDocument/2006/relationships/slideLayout" Target="../slideLayouts/slideLayout141.xml"/><Relationship Id="rId145" Type="http://schemas.openxmlformats.org/officeDocument/2006/relationships/slideLayout" Target="../slideLayouts/slideLayout146.xml"/><Relationship Id="rId161" Type="http://schemas.openxmlformats.org/officeDocument/2006/relationships/slideLayout" Target="../slideLayouts/slideLayout162.xml"/><Relationship Id="rId1" Type="http://schemas.openxmlformats.org/officeDocument/2006/relationships/slideLayout" Target="../slideLayouts/slideLayout2.xml"/><Relationship Id="rId6" Type="http://schemas.openxmlformats.org/officeDocument/2006/relationships/slideLayout" Target="../slideLayouts/slideLayout7.xml"/><Relationship Id="rId23" Type="http://schemas.openxmlformats.org/officeDocument/2006/relationships/slideLayout" Target="../slideLayouts/slideLayout24.xml"/><Relationship Id="rId28" Type="http://schemas.openxmlformats.org/officeDocument/2006/relationships/slideLayout" Target="../slideLayouts/slideLayout29.xml"/><Relationship Id="rId49" Type="http://schemas.openxmlformats.org/officeDocument/2006/relationships/slideLayout" Target="../slideLayouts/slideLayout50.xml"/><Relationship Id="rId114" Type="http://schemas.openxmlformats.org/officeDocument/2006/relationships/slideLayout" Target="../slideLayouts/slideLayout115.xml"/><Relationship Id="rId119" Type="http://schemas.openxmlformats.org/officeDocument/2006/relationships/slideLayout" Target="../slideLayouts/slideLayout120.xml"/><Relationship Id="rId44" Type="http://schemas.openxmlformats.org/officeDocument/2006/relationships/slideLayout" Target="../slideLayouts/slideLayout45.xml"/><Relationship Id="rId60" Type="http://schemas.openxmlformats.org/officeDocument/2006/relationships/slideLayout" Target="../slideLayouts/slideLayout61.xml"/><Relationship Id="rId65" Type="http://schemas.openxmlformats.org/officeDocument/2006/relationships/slideLayout" Target="../slideLayouts/slideLayout66.xml"/><Relationship Id="rId81" Type="http://schemas.openxmlformats.org/officeDocument/2006/relationships/slideLayout" Target="../slideLayouts/slideLayout82.xml"/><Relationship Id="rId86" Type="http://schemas.openxmlformats.org/officeDocument/2006/relationships/slideLayout" Target="../slideLayouts/slideLayout87.xml"/><Relationship Id="rId130" Type="http://schemas.openxmlformats.org/officeDocument/2006/relationships/slideLayout" Target="../slideLayouts/slideLayout131.xml"/><Relationship Id="rId135" Type="http://schemas.openxmlformats.org/officeDocument/2006/relationships/slideLayout" Target="../slideLayouts/slideLayout136.xml"/><Relationship Id="rId151" Type="http://schemas.openxmlformats.org/officeDocument/2006/relationships/slideLayout" Target="../slideLayouts/slideLayout152.xml"/><Relationship Id="rId156" Type="http://schemas.openxmlformats.org/officeDocument/2006/relationships/slideLayout" Target="../slideLayouts/slideLayout157.xml"/><Relationship Id="rId13" Type="http://schemas.openxmlformats.org/officeDocument/2006/relationships/slideLayout" Target="../slideLayouts/slideLayout14.xml"/><Relationship Id="rId18" Type="http://schemas.openxmlformats.org/officeDocument/2006/relationships/slideLayout" Target="../slideLayouts/slideLayout19.xml"/><Relationship Id="rId39" Type="http://schemas.openxmlformats.org/officeDocument/2006/relationships/slideLayout" Target="../slideLayouts/slideLayout40.xml"/><Relationship Id="rId109" Type="http://schemas.openxmlformats.org/officeDocument/2006/relationships/slideLayout" Target="../slideLayouts/slideLayout110.xml"/><Relationship Id="rId34" Type="http://schemas.openxmlformats.org/officeDocument/2006/relationships/slideLayout" Target="../slideLayouts/slideLayout35.xml"/><Relationship Id="rId50" Type="http://schemas.openxmlformats.org/officeDocument/2006/relationships/slideLayout" Target="../slideLayouts/slideLayout51.xml"/><Relationship Id="rId55" Type="http://schemas.openxmlformats.org/officeDocument/2006/relationships/slideLayout" Target="../slideLayouts/slideLayout56.xml"/><Relationship Id="rId76" Type="http://schemas.openxmlformats.org/officeDocument/2006/relationships/slideLayout" Target="../slideLayouts/slideLayout77.xml"/><Relationship Id="rId97" Type="http://schemas.openxmlformats.org/officeDocument/2006/relationships/slideLayout" Target="../slideLayouts/slideLayout98.xml"/><Relationship Id="rId104" Type="http://schemas.openxmlformats.org/officeDocument/2006/relationships/slideLayout" Target="../slideLayouts/slideLayout105.xml"/><Relationship Id="rId120" Type="http://schemas.openxmlformats.org/officeDocument/2006/relationships/slideLayout" Target="../slideLayouts/slideLayout121.xml"/><Relationship Id="rId125" Type="http://schemas.openxmlformats.org/officeDocument/2006/relationships/slideLayout" Target="../slideLayouts/slideLayout126.xml"/><Relationship Id="rId141" Type="http://schemas.openxmlformats.org/officeDocument/2006/relationships/slideLayout" Target="../slideLayouts/slideLayout142.xml"/><Relationship Id="rId146" Type="http://schemas.openxmlformats.org/officeDocument/2006/relationships/slideLayout" Target="../slideLayouts/slideLayout147.xml"/><Relationship Id="rId7" Type="http://schemas.openxmlformats.org/officeDocument/2006/relationships/slideLayout" Target="../slideLayouts/slideLayout8.xml"/><Relationship Id="rId71" Type="http://schemas.openxmlformats.org/officeDocument/2006/relationships/slideLayout" Target="../slideLayouts/slideLayout72.xml"/><Relationship Id="rId92" Type="http://schemas.openxmlformats.org/officeDocument/2006/relationships/slideLayout" Target="../slideLayouts/slideLayout93.xml"/><Relationship Id="rId162" Type="http://schemas.openxmlformats.org/officeDocument/2006/relationships/slideLayout" Target="../slideLayouts/slideLayout163.xml"/><Relationship Id="rId2" Type="http://schemas.openxmlformats.org/officeDocument/2006/relationships/slideLayout" Target="../slideLayouts/slideLayout3.xml"/><Relationship Id="rId29" Type="http://schemas.openxmlformats.org/officeDocument/2006/relationships/slideLayout" Target="../slideLayouts/slideLayout30.xml"/><Relationship Id="rId24" Type="http://schemas.openxmlformats.org/officeDocument/2006/relationships/slideLayout" Target="../slideLayouts/slideLayout25.xml"/><Relationship Id="rId40" Type="http://schemas.openxmlformats.org/officeDocument/2006/relationships/slideLayout" Target="../slideLayouts/slideLayout41.xml"/><Relationship Id="rId45" Type="http://schemas.openxmlformats.org/officeDocument/2006/relationships/slideLayout" Target="../slideLayouts/slideLayout46.xml"/><Relationship Id="rId66" Type="http://schemas.openxmlformats.org/officeDocument/2006/relationships/slideLayout" Target="../slideLayouts/slideLayout67.xml"/><Relationship Id="rId87" Type="http://schemas.openxmlformats.org/officeDocument/2006/relationships/slideLayout" Target="../slideLayouts/slideLayout88.xml"/><Relationship Id="rId110" Type="http://schemas.openxmlformats.org/officeDocument/2006/relationships/slideLayout" Target="../slideLayouts/slideLayout111.xml"/><Relationship Id="rId115" Type="http://schemas.openxmlformats.org/officeDocument/2006/relationships/slideLayout" Target="../slideLayouts/slideLayout116.xml"/><Relationship Id="rId131" Type="http://schemas.openxmlformats.org/officeDocument/2006/relationships/slideLayout" Target="../slideLayouts/slideLayout132.xml"/><Relationship Id="rId136" Type="http://schemas.openxmlformats.org/officeDocument/2006/relationships/slideLayout" Target="../slideLayouts/slideLayout137.xml"/><Relationship Id="rId157" Type="http://schemas.openxmlformats.org/officeDocument/2006/relationships/slideLayout" Target="../slideLayouts/slideLayout158.xml"/><Relationship Id="rId61" Type="http://schemas.openxmlformats.org/officeDocument/2006/relationships/slideLayout" Target="../slideLayouts/slideLayout62.xml"/><Relationship Id="rId82" Type="http://schemas.openxmlformats.org/officeDocument/2006/relationships/slideLayout" Target="../slideLayouts/slideLayout83.xml"/><Relationship Id="rId152" Type="http://schemas.openxmlformats.org/officeDocument/2006/relationships/slideLayout" Target="../slideLayouts/slideLayout153.xml"/><Relationship Id="rId1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15.xml"/><Relationship Id="rId30" Type="http://schemas.openxmlformats.org/officeDocument/2006/relationships/slideLayout" Target="../slideLayouts/slideLayout31.xml"/><Relationship Id="rId35" Type="http://schemas.openxmlformats.org/officeDocument/2006/relationships/slideLayout" Target="../slideLayouts/slideLayout36.xml"/><Relationship Id="rId56" Type="http://schemas.openxmlformats.org/officeDocument/2006/relationships/slideLayout" Target="../slideLayouts/slideLayout57.xml"/><Relationship Id="rId77" Type="http://schemas.openxmlformats.org/officeDocument/2006/relationships/slideLayout" Target="../slideLayouts/slideLayout78.xml"/><Relationship Id="rId100" Type="http://schemas.openxmlformats.org/officeDocument/2006/relationships/slideLayout" Target="../slideLayouts/slideLayout101.xml"/><Relationship Id="rId105" Type="http://schemas.openxmlformats.org/officeDocument/2006/relationships/slideLayout" Target="../slideLayouts/slideLayout106.xml"/><Relationship Id="rId126" Type="http://schemas.openxmlformats.org/officeDocument/2006/relationships/slideLayout" Target="../slideLayouts/slideLayout127.xml"/><Relationship Id="rId147" Type="http://schemas.openxmlformats.org/officeDocument/2006/relationships/slideLayout" Target="../slideLayouts/slideLayout148.xml"/><Relationship Id="rId8" Type="http://schemas.openxmlformats.org/officeDocument/2006/relationships/slideLayout" Target="../slideLayouts/slideLayout9.xml"/><Relationship Id="rId51" Type="http://schemas.openxmlformats.org/officeDocument/2006/relationships/slideLayout" Target="../slideLayouts/slideLayout52.xml"/><Relationship Id="rId72" Type="http://schemas.openxmlformats.org/officeDocument/2006/relationships/slideLayout" Target="../slideLayouts/slideLayout73.xml"/><Relationship Id="rId93" Type="http://schemas.openxmlformats.org/officeDocument/2006/relationships/slideLayout" Target="../slideLayouts/slideLayout94.xml"/><Relationship Id="rId98" Type="http://schemas.openxmlformats.org/officeDocument/2006/relationships/slideLayout" Target="../slideLayouts/slideLayout99.xml"/><Relationship Id="rId121" Type="http://schemas.openxmlformats.org/officeDocument/2006/relationships/slideLayout" Target="../slideLayouts/slideLayout122.xml"/><Relationship Id="rId142" Type="http://schemas.openxmlformats.org/officeDocument/2006/relationships/slideLayout" Target="../slideLayouts/slideLayout143.xml"/><Relationship Id="rId163" Type="http://schemas.openxmlformats.org/officeDocument/2006/relationships/theme" Target="../theme/theme2.xml"/><Relationship Id="rId3" Type="http://schemas.openxmlformats.org/officeDocument/2006/relationships/slideLayout" Target="../slideLayouts/slideLayout4.xml"/><Relationship Id="rId25" Type="http://schemas.openxmlformats.org/officeDocument/2006/relationships/slideLayout" Target="../slideLayouts/slideLayout26.xml"/><Relationship Id="rId46" Type="http://schemas.openxmlformats.org/officeDocument/2006/relationships/slideLayout" Target="../slideLayouts/slideLayout47.xml"/><Relationship Id="rId67" Type="http://schemas.openxmlformats.org/officeDocument/2006/relationships/slideLayout" Target="../slideLayouts/slideLayout68.xml"/><Relationship Id="rId116" Type="http://schemas.openxmlformats.org/officeDocument/2006/relationships/slideLayout" Target="../slideLayouts/slideLayout117.xml"/><Relationship Id="rId137" Type="http://schemas.openxmlformats.org/officeDocument/2006/relationships/slideLayout" Target="../slideLayouts/slideLayout138.xml"/><Relationship Id="rId158" Type="http://schemas.openxmlformats.org/officeDocument/2006/relationships/slideLayout" Target="../slideLayouts/slideLayout159.xml"/><Relationship Id="rId20" Type="http://schemas.openxmlformats.org/officeDocument/2006/relationships/slideLayout" Target="../slideLayouts/slideLayout21.xml"/><Relationship Id="rId41" Type="http://schemas.openxmlformats.org/officeDocument/2006/relationships/slideLayout" Target="../slideLayouts/slideLayout42.xml"/><Relationship Id="rId62" Type="http://schemas.openxmlformats.org/officeDocument/2006/relationships/slideLayout" Target="../slideLayouts/slideLayout63.xml"/><Relationship Id="rId83" Type="http://schemas.openxmlformats.org/officeDocument/2006/relationships/slideLayout" Target="../slideLayouts/slideLayout84.xml"/><Relationship Id="rId88" Type="http://schemas.openxmlformats.org/officeDocument/2006/relationships/slideLayout" Target="../slideLayouts/slideLayout89.xml"/><Relationship Id="rId111" Type="http://schemas.openxmlformats.org/officeDocument/2006/relationships/slideLayout" Target="../slideLayouts/slideLayout112.xml"/><Relationship Id="rId132" Type="http://schemas.openxmlformats.org/officeDocument/2006/relationships/slideLayout" Target="../slideLayouts/slideLayout133.xml"/><Relationship Id="rId153" Type="http://schemas.openxmlformats.org/officeDocument/2006/relationships/slideLayout" Target="../slideLayouts/slideLayout154.xml"/><Relationship Id="rId15" Type="http://schemas.openxmlformats.org/officeDocument/2006/relationships/slideLayout" Target="../slideLayouts/slideLayout16.xml"/><Relationship Id="rId36" Type="http://schemas.openxmlformats.org/officeDocument/2006/relationships/slideLayout" Target="../slideLayouts/slideLayout37.xml"/><Relationship Id="rId57" Type="http://schemas.openxmlformats.org/officeDocument/2006/relationships/slideLayout" Target="../slideLayouts/slideLayout58.xml"/><Relationship Id="rId106" Type="http://schemas.openxmlformats.org/officeDocument/2006/relationships/slideLayout" Target="../slideLayouts/slideLayout107.xml"/><Relationship Id="rId127" Type="http://schemas.openxmlformats.org/officeDocument/2006/relationships/slideLayout" Target="../slideLayouts/slideLayout128.xml"/><Relationship Id="rId10" Type="http://schemas.openxmlformats.org/officeDocument/2006/relationships/slideLayout" Target="../slideLayouts/slideLayout11.xml"/><Relationship Id="rId31" Type="http://schemas.openxmlformats.org/officeDocument/2006/relationships/slideLayout" Target="../slideLayouts/slideLayout32.xml"/><Relationship Id="rId52" Type="http://schemas.openxmlformats.org/officeDocument/2006/relationships/slideLayout" Target="../slideLayouts/slideLayout53.xml"/><Relationship Id="rId73" Type="http://schemas.openxmlformats.org/officeDocument/2006/relationships/slideLayout" Target="../slideLayouts/slideLayout74.xml"/><Relationship Id="rId78" Type="http://schemas.openxmlformats.org/officeDocument/2006/relationships/slideLayout" Target="../slideLayouts/slideLayout79.xml"/><Relationship Id="rId94" Type="http://schemas.openxmlformats.org/officeDocument/2006/relationships/slideLayout" Target="../slideLayouts/slideLayout95.xml"/><Relationship Id="rId99" Type="http://schemas.openxmlformats.org/officeDocument/2006/relationships/slideLayout" Target="../slideLayouts/slideLayout100.xml"/><Relationship Id="rId101" Type="http://schemas.openxmlformats.org/officeDocument/2006/relationships/slideLayout" Target="../slideLayouts/slideLayout102.xml"/><Relationship Id="rId122" Type="http://schemas.openxmlformats.org/officeDocument/2006/relationships/slideLayout" Target="../slideLayouts/slideLayout123.xml"/><Relationship Id="rId143" Type="http://schemas.openxmlformats.org/officeDocument/2006/relationships/slideLayout" Target="../slideLayouts/slideLayout144.xml"/><Relationship Id="rId148" Type="http://schemas.openxmlformats.org/officeDocument/2006/relationships/slideLayout" Target="../slideLayouts/slideLayout149.xml"/><Relationship Id="rId164" Type="http://schemas.openxmlformats.org/officeDocument/2006/relationships/image" Target="../media/image1.jpg"/><Relationship Id="rId4" Type="http://schemas.openxmlformats.org/officeDocument/2006/relationships/slideLayout" Target="../slideLayouts/slideLayout5.xml"/><Relationship Id="rId9" Type="http://schemas.openxmlformats.org/officeDocument/2006/relationships/slideLayout" Target="../slideLayouts/slideLayout10.xml"/><Relationship Id="rId26" Type="http://schemas.openxmlformats.org/officeDocument/2006/relationships/slideLayout" Target="../slideLayouts/slideLayout27.xml"/><Relationship Id="rId47" Type="http://schemas.openxmlformats.org/officeDocument/2006/relationships/slideLayout" Target="../slideLayouts/slideLayout48.xml"/><Relationship Id="rId68" Type="http://schemas.openxmlformats.org/officeDocument/2006/relationships/slideLayout" Target="../slideLayouts/slideLayout69.xml"/><Relationship Id="rId89" Type="http://schemas.openxmlformats.org/officeDocument/2006/relationships/slideLayout" Target="../slideLayouts/slideLayout90.xml"/><Relationship Id="rId112" Type="http://schemas.openxmlformats.org/officeDocument/2006/relationships/slideLayout" Target="../slideLayouts/slideLayout113.xml"/><Relationship Id="rId133" Type="http://schemas.openxmlformats.org/officeDocument/2006/relationships/slideLayout" Target="../slideLayouts/slideLayout134.xml"/><Relationship Id="rId154" Type="http://schemas.openxmlformats.org/officeDocument/2006/relationships/slideLayout" Target="../slideLayouts/slideLayout155.xml"/><Relationship Id="rId16" Type="http://schemas.openxmlformats.org/officeDocument/2006/relationships/slideLayout" Target="../slideLayouts/slideLayout17.xml"/><Relationship Id="rId37" Type="http://schemas.openxmlformats.org/officeDocument/2006/relationships/slideLayout" Target="../slideLayouts/slideLayout38.xml"/><Relationship Id="rId58" Type="http://schemas.openxmlformats.org/officeDocument/2006/relationships/slideLayout" Target="../slideLayouts/slideLayout59.xml"/><Relationship Id="rId79" Type="http://schemas.openxmlformats.org/officeDocument/2006/relationships/slideLayout" Target="../slideLayouts/slideLayout80.xml"/><Relationship Id="rId102" Type="http://schemas.openxmlformats.org/officeDocument/2006/relationships/slideLayout" Target="../slideLayouts/slideLayout103.xml"/><Relationship Id="rId123" Type="http://schemas.openxmlformats.org/officeDocument/2006/relationships/slideLayout" Target="../slideLayouts/slideLayout124.xml"/><Relationship Id="rId144" Type="http://schemas.openxmlformats.org/officeDocument/2006/relationships/slideLayout" Target="../slideLayouts/slideLayout145.xml"/><Relationship Id="rId90" Type="http://schemas.openxmlformats.org/officeDocument/2006/relationships/slideLayout" Target="../slideLayouts/slideLayout91.xml"/><Relationship Id="rId27" Type="http://schemas.openxmlformats.org/officeDocument/2006/relationships/slideLayout" Target="../slideLayouts/slideLayout28.xml"/><Relationship Id="rId48" Type="http://schemas.openxmlformats.org/officeDocument/2006/relationships/slideLayout" Target="../slideLayouts/slideLayout49.xml"/><Relationship Id="rId69" Type="http://schemas.openxmlformats.org/officeDocument/2006/relationships/slideLayout" Target="../slideLayouts/slideLayout70.xml"/><Relationship Id="rId113" Type="http://schemas.openxmlformats.org/officeDocument/2006/relationships/slideLayout" Target="../slideLayouts/slideLayout114.xml"/><Relationship Id="rId134" Type="http://schemas.openxmlformats.org/officeDocument/2006/relationships/slideLayout" Target="../slideLayouts/slideLayout135.xml"/><Relationship Id="rId80" Type="http://schemas.openxmlformats.org/officeDocument/2006/relationships/slideLayout" Target="../slideLayouts/slideLayout81.xml"/><Relationship Id="rId155" Type="http://schemas.openxmlformats.org/officeDocument/2006/relationships/slideLayout" Target="../slideLayouts/slideLayout15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041088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35" r:id="rId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16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ounded Rectangle 1"/>
          <p:cNvSpPr/>
          <p:nvPr userDrawn="1"/>
        </p:nvSpPr>
        <p:spPr>
          <a:xfrm>
            <a:off x="8202168" y="4937760"/>
            <a:ext cx="699512" cy="298286"/>
          </a:xfrm>
          <a:prstGeom prst="roundRect">
            <a:avLst/>
          </a:prstGeom>
          <a:solidFill>
            <a:srgbClr val="DFD9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TextBox 7"/>
          <p:cNvSpPr txBox="1"/>
          <p:nvPr userDrawn="1"/>
        </p:nvSpPr>
        <p:spPr>
          <a:xfrm>
            <a:off x="8202168" y="4910328"/>
            <a:ext cx="490071" cy="253916"/>
          </a:xfrm>
          <a:prstGeom prst="rect">
            <a:avLst/>
          </a:prstGeom>
          <a:noFill/>
        </p:spPr>
        <p:txBody>
          <a:bodyPr wrap="none" lIns="109728" rtlCol="0">
            <a:spAutoFit/>
          </a:bodyPr>
          <a:lstStyle/>
          <a:p>
            <a:r>
              <a:rPr lang="en-US" sz="1000" dirty="0" smtClean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rPr>
              <a:t>Page</a:t>
            </a:r>
            <a:endParaRPr lang="en-US" sz="1200" dirty="0">
              <a:solidFill>
                <a:schemeClr val="bg1">
                  <a:lumMod val="50000"/>
                </a:schemeClr>
              </a:solidFill>
              <a:latin typeface="+mn-lt"/>
              <a:cs typeface="WeblySleek UI Light" panose="020B0502040204020203" pitchFamily="34" charset="0"/>
            </a:endParaRPr>
          </a:p>
        </p:txBody>
      </p:sp>
      <p:sp>
        <p:nvSpPr>
          <p:cNvPr id="10" name="Slide Number Placeholder 2"/>
          <p:cNvSpPr txBox="1">
            <a:spLocks/>
          </p:cNvSpPr>
          <p:nvPr userDrawn="1"/>
        </p:nvSpPr>
        <p:spPr>
          <a:xfrm>
            <a:off x="8549640" y="4965192"/>
            <a:ext cx="288032" cy="196850"/>
          </a:xfrm>
          <a:prstGeom prst="rect">
            <a:avLst/>
          </a:prstGeom>
        </p:spPr>
        <p:txBody>
          <a:bodyPr lIns="73152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9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0AA277DB-22BF-421D-A9E4-4650984A941D}" type="slidenum">
              <a:rPr lang="en-US" sz="1000" smtClean="0"/>
              <a:pPr algn="l"/>
              <a:t>‹#›</a:t>
            </a:fld>
            <a:endParaRPr lang="en-US" dirty="0"/>
          </a:p>
        </p:txBody>
      </p:sp>
      <p:sp>
        <p:nvSpPr>
          <p:cNvPr id="5" name="Rectangle 4"/>
          <p:cNvSpPr/>
          <p:nvPr userDrawn="1"/>
        </p:nvSpPr>
        <p:spPr>
          <a:xfrm>
            <a:off x="-180528" y="5155200"/>
            <a:ext cx="9433048" cy="115406"/>
          </a:xfrm>
          <a:prstGeom prst="rect">
            <a:avLst/>
          </a:prstGeom>
          <a:solidFill>
            <a:srgbClr val="EEEE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25583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95" r:id="rId1"/>
    <p:sldLayoutId id="2147484146" r:id="rId2"/>
    <p:sldLayoutId id="2147484147" r:id="rId3"/>
    <p:sldLayoutId id="2147484175" r:id="rId4"/>
    <p:sldLayoutId id="2147484174" r:id="rId5"/>
    <p:sldLayoutId id="2147484210" r:id="rId6"/>
    <p:sldLayoutId id="2147484185" r:id="rId7"/>
    <p:sldLayoutId id="2147484182" r:id="rId8"/>
    <p:sldLayoutId id="2147484183" r:id="rId9"/>
    <p:sldLayoutId id="2147484129" r:id="rId10"/>
    <p:sldLayoutId id="2147484207" r:id="rId11"/>
    <p:sldLayoutId id="2147484202" r:id="rId12"/>
    <p:sldLayoutId id="2147484169" r:id="rId13"/>
    <p:sldLayoutId id="2147484184" r:id="rId14"/>
    <p:sldLayoutId id="2147484168" r:id="rId15"/>
    <p:sldLayoutId id="2147484162" r:id="rId16"/>
    <p:sldLayoutId id="2147484163" r:id="rId17"/>
    <p:sldLayoutId id="2147484166" r:id="rId18"/>
    <p:sldLayoutId id="2147484165" r:id="rId19"/>
    <p:sldLayoutId id="2147484190" r:id="rId20"/>
    <p:sldLayoutId id="2147484143" r:id="rId21"/>
    <p:sldLayoutId id="2147484141" r:id="rId22"/>
    <p:sldLayoutId id="2147484227" r:id="rId23"/>
    <p:sldLayoutId id="2147484331" r:id="rId24"/>
    <p:sldLayoutId id="2147484144" r:id="rId25"/>
    <p:sldLayoutId id="2147484149" r:id="rId26"/>
    <p:sldLayoutId id="2147484176" r:id="rId27"/>
    <p:sldLayoutId id="2147484242" r:id="rId28"/>
    <p:sldLayoutId id="2147484307" r:id="rId29"/>
    <p:sldLayoutId id="2147484194" r:id="rId30"/>
    <p:sldLayoutId id="2147484224" r:id="rId31"/>
    <p:sldLayoutId id="2147484318" r:id="rId32"/>
    <p:sldLayoutId id="2147484222" r:id="rId33"/>
    <p:sldLayoutId id="2147484150" r:id="rId34"/>
    <p:sldLayoutId id="2147484127" r:id="rId35"/>
    <p:sldLayoutId id="2147484148" r:id="rId36"/>
    <p:sldLayoutId id="2147484151" r:id="rId37"/>
    <p:sldLayoutId id="2147484128" r:id="rId38"/>
    <p:sldLayoutId id="2147484161" r:id="rId39"/>
    <p:sldLayoutId id="2147484171" r:id="rId40"/>
    <p:sldLayoutId id="2147484159" r:id="rId41"/>
    <p:sldLayoutId id="2147484219" r:id="rId42"/>
    <p:sldLayoutId id="2147484196" r:id="rId43"/>
    <p:sldLayoutId id="2147484204" r:id="rId44"/>
    <p:sldLayoutId id="2147484214" r:id="rId45"/>
    <p:sldLayoutId id="2147484311" r:id="rId46"/>
    <p:sldLayoutId id="2147484221" r:id="rId47"/>
    <p:sldLayoutId id="2147484249" r:id="rId48"/>
    <p:sldLayoutId id="2147484247" r:id="rId49"/>
    <p:sldLayoutId id="2147484199" r:id="rId50"/>
    <p:sldLayoutId id="2147484115" r:id="rId51"/>
    <p:sldLayoutId id="2147484217" r:id="rId52"/>
    <p:sldLayoutId id="2147484186" r:id="rId53"/>
    <p:sldLayoutId id="2147484225" r:id="rId54"/>
    <p:sldLayoutId id="2147484122" r:id="rId55"/>
    <p:sldLayoutId id="2147484120" r:id="rId56"/>
    <p:sldLayoutId id="2147484203" r:id="rId57"/>
    <p:sldLayoutId id="2147483713" r:id="rId58"/>
    <p:sldLayoutId id="2147484167" r:id="rId59"/>
    <p:sldLayoutId id="2147484192" r:id="rId60"/>
    <p:sldLayoutId id="2147484302" r:id="rId61"/>
    <p:sldLayoutId id="2147484338" r:id="rId62"/>
    <p:sldLayoutId id="2147484206" r:id="rId63"/>
    <p:sldLayoutId id="2147484193" r:id="rId64"/>
    <p:sldLayoutId id="2147484216" r:id="rId65"/>
    <p:sldLayoutId id="2147484197" r:id="rId66"/>
    <p:sldLayoutId id="2147484212" r:id="rId67"/>
    <p:sldLayoutId id="2147484379" r:id="rId68"/>
    <p:sldLayoutId id="2147484380" r:id="rId69"/>
    <p:sldLayoutId id="2147484187" r:id="rId70"/>
    <p:sldLayoutId id="2147484181" r:id="rId71"/>
    <p:sldLayoutId id="2147484301" r:id="rId72"/>
    <p:sldLayoutId id="2147484374" r:id="rId73"/>
    <p:sldLayoutId id="2147484346" r:id="rId74"/>
    <p:sldLayoutId id="2147484348" r:id="rId75"/>
    <p:sldLayoutId id="2147484265" r:id="rId76"/>
    <p:sldLayoutId id="2147484261" r:id="rId77"/>
    <p:sldLayoutId id="2147484333" r:id="rId78"/>
    <p:sldLayoutId id="2147484355" r:id="rId79"/>
    <p:sldLayoutId id="2147484362" r:id="rId80"/>
    <p:sldLayoutId id="2147484363" r:id="rId81"/>
    <p:sldLayoutId id="2147484376" r:id="rId82"/>
    <p:sldLayoutId id="2147484304" r:id="rId83"/>
    <p:sldLayoutId id="2147484259" r:id="rId84"/>
    <p:sldLayoutId id="2147484375" r:id="rId85"/>
    <p:sldLayoutId id="2147484296" r:id="rId86"/>
    <p:sldLayoutId id="2147484367" r:id="rId87"/>
    <p:sldLayoutId id="2147484368" r:id="rId88"/>
    <p:sldLayoutId id="2147484260" r:id="rId89"/>
    <p:sldLayoutId id="2147484313" r:id="rId90"/>
    <p:sldLayoutId id="2147484264" r:id="rId91"/>
    <p:sldLayoutId id="2147484308" r:id="rId92"/>
    <p:sldLayoutId id="2147484310" r:id="rId93"/>
    <p:sldLayoutId id="2147484298" r:id="rId94"/>
    <p:sldLayoutId id="2147484354" r:id="rId95"/>
    <p:sldLayoutId id="2147484299" r:id="rId96"/>
    <p:sldLayoutId id="2147484325" r:id="rId97"/>
    <p:sldLayoutId id="2147484371" r:id="rId98"/>
    <p:sldLayoutId id="2147484351" r:id="rId99"/>
    <p:sldLayoutId id="2147484321" r:id="rId100"/>
    <p:sldLayoutId id="2147484345" r:id="rId101"/>
    <p:sldLayoutId id="2147484383" r:id="rId102"/>
    <p:sldLayoutId id="2147484240" r:id="rId103"/>
    <p:sldLayoutId id="2147484245" r:id="rId104"/>
    <p:sldLayoutId id="2147484373" r:id="rId105"/>
    <p:sldLayoutId id="2147484178" r:id="rId106"/>
    <p:sldLayoutId id="2147484228" r:id="rId107"/>
    <p:sldLayoutId id="2147484229" r:id="rId108"/>
    <p:sldLayoutId id="2147484230" r:id="rId109"/>
    <p:sldLayoutId id="2147484326" r:id="rId110"/>
    <p:sldLayoutId id="2147483986" r:id="rId111"/>
    <p:sldLayoutId id="2147484314" r:id="rId112"/>
    <p:sldLayoutId id="2147484233" r:id="rId113"/>
    <p:sldLayoutId id="2147484232" r:id="rId114"/>
    <p:sldLayoutId id="2147484234" r:id="rId115"/>
    <p:sldLayoutId id="2147484235" r:id="rId116"/>
    <p:sldLayoutId id="2147484236" r:id="rId117"/>
    <p:sldLayoutId id="2147484377" r:id="rId118"/>
    <p:sldLayoutId id="2147484378" r:id="rId119"/>
    <p:sldLayoutId id="2147484180" r:id="rId120"/>
    <p:sldLayoutId id="2147484271" r:id="rId121"/>
    <p:sldLayoutId id="2147484273" r:id="rId122"/>
    <p:sldLayoutId id="2147484262" r:id="rId123"/>
    <p:sldLayoutId id="2147484315" r:id="rId124"/>
    <p:sldLayoutId id="2147484329" r:id="rId125"/>
    <p:sldLayoutId id="2147484352" r:id="rId126"/>
    <p:sldLayoutId id="2147484317" r:id="rId127"/>
    <p:sldLayoutId id="2147484340" r:id="rId128"/>
    <p:sldLayoutId id="2147484319" r:id="rId129"/>
    <p:sldLayoutId id="2147484358" r:id="rId130"/>
    <p:sldLayoutId id="2147484347" r:id="rId131"/>
    <p:sldLayoutId id="2147484335" r:id="rId132"/>
    <p:sldLayoutId id="2147484327" r:id="rId133"/>
    <p:sldLayoutId id="2147484246" r:id="rId134"/>
    <p:sldLayoutId id="2147484370" r:id="rId135"/>
    <p:sldLayoutId id="2147484303" r:id="rId136"/>
    <p:sldLayoutId id="2147484291" r:id="rId137"/>
    <p:sldLayoutId id="2147484244" r:id="rId138"/>
    <p:sldLayoutId id="2147484256" r:id="rId139"/>
    <p:sldLayoutId id="2147484357" r:id="rId140"/>
    <p:sldLayoutId id="2147484258" r:id="rId141"/>
    <p:sldLayoutId id="2147484356" r:id="rId142"/>
    <p:sldLayoutId id="2147484320" r:id="rId143"/>
    <p:sldLayoutId id="2147484339" r:id="rId144"/>
    <p:sldLayoutId id="2147484248" r:id="rId145"/>
    <p:sldLayoutId id="2147484252" r:id="rId146"/>
    <p:sldLayoutId id="2147484250" r:id="rId147"/>
    <p:sldLayoutId id="2147484336" r:id="rId148"/>
    <p:sldLayoutId id="2147484316" r:id="rId149"/>
    <p:sldLayoutId id="2147484341" r:id="rId150"/>
    <p:sldLayoutId id="2147484257" r:id="rId151"/>
    <p:sldLayoutId id="2147484364" r:id="rId152"/>
    <p:sldLayoutId id="2147484361" r:id="rId153"/>
    <p:sldLayoutId id="2147484152" r:id="rId154"/>
    <p:sldLayoutId id="2147484388" r:id="rId155"/>
    <p:sldLayoutId id="2147484384" r:id="rId156"/>
    <p:sldLayoutId id="2147484387" r:id="rId157"/>
    <p:sldLayoutId id="2147484385" r:id="rId158"/>
    <p:sldLayoutId id="2147484386" r:id="rId159"/>
    <p:sldLayoutId id="2147484389" r:id="rId160"/>
    <p:sldLayoutId id="2147484391" r:id="rId161"/>
    <p:sldLayoutId id="2147484390" r:id="rId16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hdr="0" ft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G"/><Relationship Id="rId1" Type="http://schemas.openxmlformats.org/officeDocument/2006/relationships/slideLayout" Target="../slideLayouts/slideLayout9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jpg"/><Relationship Id="rId1" Type="http://schemas.openxmlformats.org/officeDocument/2006/relationships/slideLayout" Target="../slideLayouts/slideLayout9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1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G"/><Relationship Id="rId2" Type="http://schemas.openxmlformats.org/officeDocument/2006/relationships/image" Target="../media/image46.JPG"/><Relationship Id="rId1" Type="http://schemas.openxmlformats.org/officeDocument/2006/relationships/slideLayout" Target="../slideLayouts/slideLayout9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9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텍스트 개체 틀 5"/>
          <p:cNvSpPr>
            <a:spLocks noGrp="1"/>
          </p:cNvSpPr>
          <p:nvPr>
            <p:ph type="body" sz="quarter" idx="22"/>
          </p:nvPr>
        </p:nvSpPr>
        <p:spPr>
          <a:xfrm>
            <a:off x="179512" y="1635646"/>
            <a:ext cx="4122204" cy="457200"/>
          </a:xfrm>
        </p:spPr>
        <p:txBody>
          <a:bodyPr/>
          <a:lstStyle/>
          <a:p>
            <a:r>
              <a:rPr lang="ko-KR" altLang="en-US" dirty="0" smtClean="0"/>
              <a:t> </a:t>
            </a:r>
            <a:r>
              <a:rPr lang="en-US" altLang="ko-KR" dirty="0" smtClean="0"/>
              <a:t>LCD Character </a:t>
            </a:r>
            <a:r>
              <a:rPr lang="ko-KR" altLang="en-US" dirty="0" smtClean="0"/>
              <a:t>모듈을 이용한</a:t>
            </a:r>
            <a:endParaRPr lang="en-US" altLang="ko-KR" dirty="0" smtClean="0"/>
          </a:p>
          <a:p>
            <a:r>
              <a:rPr lang="ko-KR" altLang="en-US" dirty="0" smtClean="0"/>
              <a:t>마이크로 프로세서 </a:t>
            </a:r>
            <a:endParaRPr lang="en-US" altLang="ko-KR" dirty="0" smtClean="0"/>
          </a:p>
          <a:p>
            <a:r>
              <a:rPr lang="ko-KR" altLang="en-US" dirty="0" smtClean="0"/>
              <a:t>기말 발표</a:t>
            </a:r>
            <a:endParaRPr lang="ko-KR" altLang="en-US" dirty="0"/>
          </a:p>
        </p:txBody>
      </p:sp>
      <p:sp>
        <p:nvSpPr>
          <p:cNvPr id="7" name="텍스트 개체 틀 6"/>
          <p:cNvSpPr>
            <a:spLocks noGrp="1"/>
          </p:cNvSpPr>
          <p:nvPr>
            <p:ph type="body" sz="quarter" idx="28"/>
          </p:nvPr>
        </p:nvSpPr>
        <p:spPr>
          <a:xfrm>
            <a:off x="706310" y="3507854"/>
            <a:ext cx="3379382" cy="544207"/>
          </a:xfrm>
        </p:spPr>
        <p:txBody>
          <a:bodyPr/>
          <a:lstStyle/>
          <a:p>
            <a:r>
              <a:rPr lang="en-US" altLang="ko-KR" dirty="0" smtClean="0"/>
              <a:t>2015136121 </a:t>
            </a:r>
            <a:r>
              <a:rPr lang="ko-KR" altLang="en-US" dirty="0" err="1" smtClean="0"/>
              <a:t>조성웅</a:t>
            </a:r>
            <a:endParaRPr lang="en-US" altLang="ko-KR" dirty="0" smtClean="0"/>
          </a:p>
          <a:p>
            <a:r>
              <a:rPr lang="en-US" altLang="ko-KR" dirty="0" smtClean="0"/>
              <a:t>2015136022 </a:t>
            </a:r>
            <a:r>
              <a:rPr lang="ko-KR" altLang="en-US" dirty="0" err="1" smtClean="0"/>
              <a:t>김범영</a:t>
            </a:r>
            <a:endParaRPr lang="en-US" altLang="ko-KR" dirty="0" smtClean="0"/>
          </a:p>
        </p:txBody>
      </p:sp>
      <p:sp>
        <p:nvSpPr>
          <p:cNvPr id="8" name="텍스트 개체 틀 7"/>
          <p:cNvSpPr>
            <a:spLocks noGrp="1"/>
          </p:cNvSpPr>
          <p:nvPr>
            <p:ph type="body" sz="quarter" idx="30"/>
          </p:nvPr>
        </p:nvSpPr>
        <p:spPr>
          <a:xfrm>
            <a:off x="701316" y="3075806"/>
            <a:ext cx="3384376" cy="313031"/>
          </a:xfrm>
        </p:spPr>
        <p:txBody>
          <a:bodyPr/>
          <a:lstStyle/>
          <a:p>
            <a:r>
              <a:rPr lang="en-US" altLang="ko-KR" dirty="0" smtClean="0"/>
              <a:t>2018.12.11</a:t>
            </a:r>
            <a:endParaRPr lang="ko-KR" altLang="en-US" dirty="0"/>
          </a:p>
        </p:txBody>
      </p:sp>
      <p:pic>
        <p:nvPicPr>
          <p:cNvPr id="9" name="그림 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2040" y="1514813"/>
            <a:ext cx="3563888" cy="19983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0374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텍스트 개체 틀 1"/>
          <p:cNvSpPr>
            <a:spLocks noGrp="1"/>
          </p:cNvSpPr>
          <p:nvPr>
            <p:ph type="body" sz="quarter" idx="184"/>
          </p:nvPr>
        </p:nvSpPr>
        <p:spPr>
          <a:xfrm>
            <a:off x="3858265" y="2257959"/>
            <a:ext cx="2560320" cy="193748"/>
          </a:xfrm>
        </p:spPr>
        <p:txBody>
          <a:bodyPr/>
          <a:lstStyle/>
          <a:p>
            <a:r>
              <a:rPr lang="en-US" altLang="ko-KR" dirty="0"/>
              <a:t>LCD Character </a:t>
            </a:r>
            <a:r>
              <a:rPr lang="ko-KR" altLang="en-US" dirty="0" smtClean="0"/>
              <a:t>모듈 원리</a:t>
            </a:r>
            <a:endParaRPr lang="ko-KR" altLang="en-US" dirty="0"/>
          </a:p>
        </p:txBody>
      </p:sp>
      <p:sp>
        <p:nvSpPr>
          <p:cNvPr id="3" name="텍스트 개체 틀 2"/>
          <p:cNvSpPr>
            <a:spLocks noGrp="1"/>
          </p:cNvSpPr>
          <p:nvPr>
            <p:ph type="body" sz="quarter" idx="183"/>
          </p:nvPr>
        </p:nvSpPr>
        <p:spPr>
          <a:xfrm>
            <a:off x="3858265" y="1789907"/>
            <a:ext cx="2560320" cy="193748"/>
          </a:xfrm>
        </p:spPr>
        <p:txBody>
          <a:bodyPr/>
          <a:lstStyle/>
          <a:p>
            <a:r>
              <a:rPr lang="en-US" altLang="ko-KR" dirty="0" smtClean="0"/>
              <a:t>LCD Character</a:t>
            </a:r>
            <a:r>
              <a:rPr lang="ko-KR" altLang="en-US" dirty="0" smtClean="0"/>
              <a:t>모듈 소개</a:t>
            </a:r>
            <a:endParaRPr lang="ko-KR" altLang="en-US" dirty="0"/>
          </a:p>
        </p:txBody>
      </p:sp>
      <p:sp>
        <p:nvSpPr>
          <p:cNvPr id="4" name="텍스트 개체 틀 3"/>
          <p:cNvSpPr>
            <a:spLocks noGrp="1"/>
          </p:cNvSpPr>
          <p:nvPr>
            <p:ph type="body" sz="quarter" idx="40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2"/>
          </p:nvPr>
        </p:nvSpPr>
        <p:spPr/>
        <p:txBody>
          <a:bodyPr/>
          <a:lstStyle/>
          <a:p>
            <a:r>
              <a:rPr lang="ko-KR" altLang="en-US" dirty="0" smtClean="0"/>
              <a:t>목</a:t>
            </a:r>
            <a:r>
              <a:rPr lang="en-US" altLang="ko-KR" dirty="0" smtClean="0"/>
              <a:t>	</a:t>
            </a:r>
            <a:r>
              <a:rPr lang="ko-KR" altLang="en-US" dirty="0" smtClean="0"/>
              <a:t>차</a:t>
            </a:r>
            <a:endParaRPr lang="ko-KR" altLang="en-US" dirty="0"/>
          </a:p>
        </p:txBody>
      </p:sp>
      <p:sp>
        <p:nvSpPr>
          <p:cNvPr id="6" name="텍스트 개체 틀 5"/>
          <p:cNvSpPr>
            <a:spLocks noGrp="1"/>
          </p:cNvSpPr>
          <p:nvPr>
            <p:ph type="body" sz="quarter" idx="185"/>
          </p:nvPr>
        </p:nvSpPr>
        <p:spPr>
          <a:xfrm>
            <a:off x="3858265" y="2702590"/>
            <a:ext cx="2560320" cy="193748"/>
          </a:xfrm>
        </p:spPr>
        <p:txBody>
          <a:bodyPr/>
          <a:lstStyle/>
          <a:p>
            <a:r>
              <a:rPr lang="ko-KR" altLang="en-US" dirty="0" smtClean="0"/>
              <a:t>코드</a:t>
            </a:r>
            <a:endParaRPr lang="ko-KR" altLang="en-US" dirty="0"/>
          </a:p>
        </p:txBody>
      </p:sp>
      <p:sp>
        <p:nvSpPr>
          <p:cNvPr id="7" name="텍스트 개체 틀 6"/>
          <p:cNvSpPr>
            <a:spLocks noGrp="1"/>
          </p:cNvSpPr>
          <p:nvPr>
            <p:ph type="body" sz="quarter" idx="186"/>
          </p:nvPr>
        </p:nvSpPr>
        <p:spPr>
          <a:xfrm>
            <a:off x="3858265" y="3147814"/>
            <a:ext cx="2560320" cy="193748"/>
          </a:xfrm>
        </p:spPr>
        <p:txBody>
          <a:bodyPr/>
          <a:lstStyle/>
          <a:p>
            <a:r>
              <a:rPr lang="ko-KR" altLang="en-US" dirty="0" smtClean="0"/>
              <a:t>피드백 추가내용</a:t>
            </a:r>
            <a:endParaRPr lang="en-US" altLang="ko-KR" dirty="0" smtClean="0"/>
          </a:p>
        </p:txBody>
      </p:sp>
    </p:spTree>
    <p:extLst>
      <p:ext uri="{BB962C8B-B14F-4D97-AF65-F5344CB8AC3E}">
        <p14:creationId xmlns:p14="http://schemas.microsoft.com/office/powerpoint/2010/main" val="195484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텍스트 개체 틀 1"/>
          <p:cNvSpPr>
            <a:spLocks noGrp="1"/>
          </p:cNvSpPr>
          <p:nvPr>
            <p:ph type="body" sz="quarter" idx="40"/>
          </p:nvPr>
        </p:nvSpPr>
        <p:spPr>
          <a:xfrm>
            <a:off x="817453" y="1017684"/>
            <a:ext cx="3899323" cy="360040"/>
          </a:xfrm>
        </p:spPr>
        <p:txBody>
          <a:bodyPr/>
          <a:lstStyle/>
          <a:p>
            <a:r>
              <a:rPr lang="ko-KR" altLang="en-US" sz="1200" dirty="0" smtClean="0"/>
              <a:t>간단한 소개</a:t>
            </a:r>
            <a:endParaRPr lang="ko-KR" altLang="en-US" sz="1200" dirty="0"/>
          </a:p>
        </p:txBody>
      </p:sp>
      <p:sp>
        <p:nvSpPr>
          <p:cNvPr id="3" name="텍스트 개체 틀 2"/>
          <p:cNvSpPr>
            <a:spLocks noGrp="1"/>
          </p:cNvSpPr>
          <p:nvPr>
            <p:ph type="body" sz="quarter" idx="32"/>
          </p:nvPr>
        </p:nvSpPr>
        <p:spPr>
          <a:xfrm>
            <a:off x="323528" y="483518"/>
            <a:ext cx="4421619" cy="457200"/>
          </a:xfrm>
        </p:spPr>
        <p:txBody>
          <a:bodyPr/>
          <a:lstStyle/>
          <a:p>
            <a:r>
              <a:rPr lang="en-US" altLang="ko-KR" dirty="0" smtClean="0"/>
              <a:t>LCD Character</a:t>
            </a:r>
            <a:r>
              <a:rPr lang="ko-KR" altLang="en-US" dirty="0" smtClean="0"/>
              <a:t> 모듈 소개</a:t>
            </a:r>
            <a:endParaRPr lang="ko-KR" altLang="en-US" dirty="0"/>
          </a:p>
        </p:txBody>
      </p:sp>
      <p:sp>
        <p:nvSpPr>
          <p:cNvPr id="42" name="텍스트 개체 틀 1"/>
          <p:cNvSpPr txBox="1">
            <a:spLocks/>
          </p:cNvSpPr>
          <p:nvPr/>
        </p:nvSpPr>
        <p:spPr>
          <a:xfrm>
            <a:off x="3303173" y="2164991"/>
            <a:ext cx="1919423" cy="437942"/>
          </a:xfrm>
          <a:prstGeom prst="rect">
            <a:avLst/>
          </a:prstGeom>
        </p:spPr>
        <p:txBody>
          <a:bodyPr/>
          <a:lstStyle>
            <a:lvl1pPr marL="0" indent="0" algn="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600" b="0" kern="1200" spc="0" baseline="0">
                <a:solidFill>
                  <a:schemeClr val="bg1">
                    <a:lumMod val="50000"/>
                  </a:schemeClr>
                </a:solidFill>
                <a:latin typeface="+mj-lt"/>
                <a:ea typeface="+mn-ea"/>
                <a:cs typeface="WeblySleek UI Light" panose="020B0502040204020203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altLang="ko-KR" sz="1200" dirty="0" smtClean="0"/>
              <a:t>LCD </a:t>
            </a:r>
            <a:r>
              <a:rPr lang="ko-KR" altLang="en-US" sz="1200" dirty="0" smtClean="0"/>
              <a:t>패널</a:t>
            </a:r>
            <a:endParaRPr lang="ko-KR" altLang="en-US" sz="1200" dirty="0"/>
          </a:p>
        </p:txBody>
      </p:sp>
      <p:sp>
        <p:nvSpPr>
          <p:cNvPr id="52" name="텍스트 개체 틀 1"/>
          <p:cNvSpPr txBox="1">
            <a:spLocks/>
          </p:cNvSpPr>
          <p:nvPr/>
        </p:nvSpPr>
        <p:spPr>
          <a:xfrm>
            <a:off x="7308304" y="4164315"/>
            <a:ext cx="1255614" cy="261298"/>
          </a:xfrm>
          <a:prstGeom prst="rect">
            <a:avLst/>
          </a:prstGeom>
        </p:spPr>
        <p:txBody>
          <a:bodyPr/>
          <a:lstStyle>
            <a:lvl1pPr marL="0" indent="0" algn="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600" b="0" kern="1200" spc="0" baseline="0">
                <a:solidFill>
                  <a:schemeClr val="bg1">
                    <a:lumMod val="50000"/>
                  </a:schemeClr>
                </a:solidFill>
                <a:latin typeface="+mj-lt"/>
                <a:ea typeface="+mn-ea"/>
                <a:cs typeface="WeblySleek UI Light" panose="020B0502040204020203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altLang="ko-KR" sz="1200" dirty="0" smtClean="0"/>
              <a:t>5</a:t>
            </a:r>
            <a:r>
              <a:rPr lang="ko-KR" altLang="en-US" sz="1200" dirty="0" smtClean="0"/>
              <a:t>방향 버튼</a:t>
            </a:r>
            <a:endParaRPr lang="ko-KR" altLang="en-US" sz="1200" dirty="0"/>
          </a:p>
        </p:txBody>
      </p:sp>
      <p:sp>
        <p:nvSpPr>
          <p:cNvPr id="54" name="텍스트 개체 틀 1"/>
          <p:cNvSpPr txBox="1">
            <a:spLocks/>
          </p:cNvSpPr>
          <p:nvPr/>
        </p:nvSpPr>
        <p:spPr>
          <a:xfrm>
            <a:off x="4814467" y="3186512"/>
            <a:ext cx="1444870" cy="437942"/>
          </a:xfrm>
          <a:prstGeom prst="rect">
            <a:avLst/>
          </a:prstGeom>
        </p:spPr>
        <p:txBody>
          <a:bodyPr/>
          <a:lstStyle>
            <a:lvl1pPr marL="0" indent="0" algn="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600" b="0" kern="1200" spc="0" baseline="0">
                <a:solidFill>
                  <a:schemeClr val="bg1">
                    <a:lumMod val="50000"/>
                  </a:schemeClr>
                </a:solidFill>
                <a:latin typeface="+mj-lt"/>
                <a:ea typeface="+mn-ea"/>
                <a:cs typeface="WeblySleek UI Light" panose="020B0502040204020203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altLang="ko-KR" sz="1200" dirty="0" smtClean="0"/>
              <a:t>LED </a:t>
            </a:r>
            <a:r>
              <a:rPr lang="ko-KR" altLang="en-US" sz="1200" dirty="0" smtClean="0"/>
              <a:t>송신부 </a:t>
            </a:r>
            <a:r>
              <a:rPr lang="en-US" altLang="ko-KR" sz="1200" dirty="0" smtClean="0"/>
              <a:t>(Transmitter)</a:t>
            </a:r>
            <a:endParaRPr lang="ko-KR" altLang="en-US" sz="1200" dirty="0"/>
          </a:p>
        </p:txBody>
      </p:sp>
      <p:graphicFrame>
        <p:nvGraphicFramePr>
          <p:cNvPr id="56" name="표 5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55561000"/>
              </p:ext>
            </p:extLst>
          </p:nvPr>
        </p:nvGraphicFramePr>
        <p:xfrm>
          <a:off x="849754" y="3266264"/>
          <a:ext cx="2915747" cy="1028700"/>
        </p:xfrm>
        <a:graphic>
          <a:graphicData uri="http://schemas.openxmlformats.org/drawingml/2006/table">
            <a:tbl>
              <a:tblPr>
                <a:tableStyleId>{6E25E649-3F16-4E02-A733-19D2CDBF48F0}</a:tableStyleId>
              </a:tblPr>
              <a:tblGrid>
                <a:gridCol w="2915747">
                  <a:extLst>
                    <a:ext uri="{9D8B030D-6E8A-4147-A177-3AD203B41FA5}">
                      <a16:colId xmlns="" xmlns:a16="http://schemas.microsoft.com/office/drawing/2014/main" val="1840123628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ctr" latinLnBrk="1">
                        <a:lnSpc>
                          <a:spcPct val="150000"/>
                        </a:lnSpc>
                      </a:pPr>
                      <a:r>
                        <a:rPr lang="ko-KR" altLang="en-US" sz="1100" dirty="0" smtClean="0"/>
                        <a:t>작동 전압 </a:t>
                      </a:r>
                      <a:r>
                        <a:rPr lang="en-US" altLang="ko-KR" sz="1100" dirty="0" smtClean="0"/>
                        <a:t>: 5V</a:t>
                      </a:r>
                      <a:endParaRPr lang="ko-KR" altLang="en-US" sz="11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="" xmlns:a16="http://schemas.microsoft.com/office/drawing/2014/main" val="408772518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 latinLnBrk="1">
                        <a:lnSpc>
                          <a:spcPct val="150000"/>
                        </a:lnSpc>
                      </a:pPr>
                      <a:r>
                        <a:rPr lang="ko-KR" altLang="en-US" sz="1100" dirty="0" smtClean="0"/>
                        <a:t>로터리 인코더 기능</a:t>
                      </a:r>
                      <a:endParaRPr lang="ko-KR" altLang="en-US" sz="11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="" xmlns:a16="http://schemas.microsoft.com/office/drawing/2014/main" val="35130929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 latinLnBrk="1">
                        <a:lnSpc>
                          <a:spcPct val="150000"/>
                        </a:lnSpc>
                      </a:pPr>
                      <a:r>
                        <a:rPr lang="en-US" altLang="ko-KR" sz="1100" dirty="0" smtClean="0"/>
                        <a:t>3</a:t>
                      </a:r>
                      <a:r>
                        <a:rPr lang="ko-KR" altLang="en-US" sz="1100" dirty="0" smtClean="0"/>
                        <a:t>개의 디지털 </a:t>
                      </a:r>
                      <a:r>
                        <a:rPr lang="en-US" altLang="ko-KR" sz="1100" dirty="0" smtClean="0"/>
                        <a:t>I/O 5</a:t>
                      </a:r>
                      <a:r>
                        <a:rPr lang="ko-KR" altLang="en-US" sz="1100" dirty="0" smtClean="0"/>
                        <a:t>개의 아날로그 </a:t>
                      </a:r>
                      <a:r>
                        <a:rPr lang="en-US" altLang="ko-KR" sz="1100" dirty="0" smtClean="0"/>
                        <a:t>I/O</a:t>
                      </a:r>
                      <a:r>
                        <a:rPr lang="en-US" altLang="ko-KR" sz="1100" baseline="0" dirty="0" smtClean="0"/>
                        <a:t> </a:t>
                      </a:r>
                      <a:endParaRPr lang="ko-KR" altLang="en-US" sz="11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="" xmlns:a16="http://schemas.microsoft.com/office/drawing/2014/main" val="2442196245"/>
                  </a:ext>
                </a:extLst>
              </a:tr>
            </a:tbl>
          </a:graphicData>
        </a:graphic>
      </p:graphicFrame>
      <p:pic>
        <p:nvPicPr>
          <p:cNvPr id="4" name="그림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83933" y="1883549"/>
            <a:ext cx="3563888" cy="1998323"/>
          </a:xfrm>
          <a:prstGeom prst="rect">
            <a:avLst/>
          </a:prstGeom>
        </p:spPr>
      </p:pic>
      <p:cxnSp>
        <p:nvCxnSpPr>
          <p:cNvPr id="58" name="Straight Arrow Connector 27"/>
          <p:cNvCxnSpPr/>
          <p:nvPr/>
        </p:nvCxnSpPr>
        <p:spPr>
          <a:xfrm rot="10800000">
            <a:off x="4169689" y="2296354"/>
            <a:ext cx="724283" cy="688406"/>
          </a:xfrm>
          <a:prstGeom prst="bentConnector3">
            <a:avLst>
              <a:gd name="adj1" fmla="val 50000"/>
            </a:avLst>
          </a:prstGeom>
          <a:ln w="12700">
            <a:solidFill>
              <a:srgbClr val="FF000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27"/>
          <p:cNvCxnSpPr/>
          <p:nvPr/>
        </p:nvCxnSpPr>
        <p:spPr>
          <a:xfrm flipH="1">
            <a:off x="7812360" y="3400723"/>
            <a:ext cx="2714" cy="648072"/>
          </a:xfrm>
          <a:prstGeom prst="straightConnector1">
            <a:avLst/>
          </a:prstGeom>
          <a:ln w="12700">
            <a:solidFill>
              <a:srgbClr val="FF000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Arrow Connector 27"/>
          <p:cNvCxnSpPr/>
          <p:nvPr/>
        </p:nvCxnSpPr>
        <p:spPr>
          <a:xfrm flipV="1">
            <a:off x="7812360" y="1634205"/>
            <a:ext cx="0" cy="617962"/>
          </a:xfrm>
          <a:prstGeom prst="straightConnector1">
            <a:avLst/>
          </a:prstGeom>
          <a:ln w="12700">
            <a:solidFill>
              <a:srgbClr val="FF000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텍스트 개체 틀 1"/>
          <p:cNvSpPr txBox="1">
            <a:spLocks/>
          </p:cNvSpPr>
          <p:nvPr/>
        </p:nvSpPr>
        <p:spPr>
          <a:xfrm>
            <a:off x="7452320" y="1281485"/>
            <a:ext cx="927051" cy="261298"/>
          </a:xfrm>
          <a:prstGeom prst="rect">
            <a:avLst/>
          </a:prstGeom>
        </p:spPr>
        <p:txBody>
          <a:bodyPr/>
          <a:lstStyle>
            <a:lvl1pPr marL="0" indent="0" algn="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600" b="0" kern="1200" spc="0" baseline="0">
                <a:solidFill>
                  <a:schemeClr val="bg1">
                    <a:lumMod val="50000"/>
                  </a:schemeClr>
                </a:solidFill>
                <a:latin typeface="+mj-lt"/>
                <a:ea typeface="+mn-ea"/>
                <a:cs typeface="WeblySleek UI Light" panose="020B0502040204020203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ko-KR" altLang="en-US" sz="1200" smtClean="0"/>
              <a:t>가변저항</a:t>
            </a:r>
            <a:endParaRPr lang="ko-KR" altLang="en-US" sz="1200" dirty="0"/>
          </a:p>
        </p:txBody>
      </p:sp>
    </p:spTree>
    <p:extLst>
      <p:ext uri="{BB962C8B-B14F-4D97-AF65-F5344CB8AC3E}">
        <p14:creationId xmlns:p14="http://schemas.microsoft.com/office/powerpoint/2010/main" val="3134948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텍스트 개체 틀 1"/>
          <p:cNvSpPr>
            <a:spLocks noGrp="1"/>
          </p:cNvSpPr>
          <p:nvPr>
            <p:ph type="body" sz="quarter" idx="40"/>
          </p:nvPr>
        </p:nvSpPr>
        <p:spPr>
          <a:xfrm>
            <a:off x="817453" y="1017684"/>
            <a:ext cx="3899323" cy="360040"/>
          </a:xfrm>
        </p:spPr>
        <p:txBody>
          <a:bodyPr/>
          <a:lstStyle/>
          <a:p>
            <a:r>
              <a:rPr lang="en-US" altLang="ko-KR" sz="1200" dirty="0" smtClean="0"/>
              <a:t>Logic and Schematic</a:t>
            </a:r>
            <a:endParaRPr lang="ko-KR" altLang="en-US" sz="1200" dirty="0"/>
          </a:p>
        </p:txBody>
      </p:sp>
      <p:sp>
        <p:nvSpPr>
          <p:cNvPr id="3" name="텍스트 개체 틀 2"/>
          <p:cNvSpPr>
            <a:spLocks noGrp="1"/>
          </p:cNvSpPr>
          <p:nvPr>
            <p:ph type="body" sz="quarter" idx="32"/>
          </p:nvPr>
        </p:nvSpPr>
        <p:spPr>
          <a:xfrm>
            <a:off x="323528" y="483518"/>
            <a:ext cx="4421619" cy="457200"/>
          </a:xfrm>
        </p:spPr>
        <p:txBody>
          <a:bodyPr/>
          <a:lstStyle/>
          <a:p>
            <a:r>
              <a:rPr lang="en-US" altLang="ko-KR" dirty="0" smtClean="0"/>
              <a:t>LCD Character</a:t>
            </a:r>
            <a:r>
              <a:rPr lang="ko-KR" altLang="en-US" dirty="0" smtClean="0"/>
              <a:t> 모듈 </a:t>
            </a:r>
            <a:r>
              <a:rPr lang="ko-KR" altLang="en-US" dirty="0" smtClean="0"/>
              <a:t>원리</a:t>
            </a:r>
            <a:endParaRPr lang="ko-KR" altLang="en-US" dirty="0"/>
          </a:p>
        </p:txBody>
      </p:sp>
      <p:pic>
        <p:nvPicPr>
          <p:cNvPr id="13" name="그림 개체 틀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1976" y="1275606"/>
            <a:ext cx="6128332" cy="3636205"/>
          </a:xfrm>
          <a:prstGeom prst="rect">
            <a:avLst/>
          </a:prstGeom>
        </p:spPr>
      </p:pic>
      <p:grpSp>
        <p:nvGrpSpPr>
          <p:cNvPr id="14" name="그룹 13"/>
          <p:cNvGrpSpPr/>
          <p:nvPr/>
        </p:nvGrpSpPr>
        <p:grpSpPr>
          <a:xfrm>
            <a:off x="3491880" y="2289612"/>
            <a:ext cx="4904196" cy="2517333"/>
            <a:chOff x="2267744" y="1851670"/>
            <a:chExt cx="6095887" cy="2955275"/>
          </a:xfrm>
        </p:grpSpPr>
        <p:sp>
          <p:nvSpPr>
            <p:cNvPr id="15" name="텍스트 개체 틀 1"/>
            <p:cNvSpPr txBox="1">
              <a:spLocks/>
            </p:cNvSpPr>
            <p:nvPr/>
          </p:nvSpPr>
          <p:spPr>
            <a:xfrm>
              <a:off x="6444208" y="4369003"/>
              <a:ext cx="1919423" cy="437942"/>
            </a:xfrm>
            <a:prstGeom prst="rect">
              <a:avLst/>
            </a:prstGeom>
          </p:spPr>
          <p:txBody>
            <a:bodyPr/>
            <a:lstStyle>
              <a:lvl1pPr marL="0" indent="0" algn="r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None/>
                <a:defRPr sz="1600" b="0" kern="1200" spc="0" baseline="0">
                  <a:solidFill>
                    <a:schemeClr val="bg1">
                      <a:lumMod val="50000"/>
                    </a:schemeClr>
                  </a:solidFill>
                  <a:latin typeface="+mj-lt"/>
                  <a:ea typeface="+mn-ea"/>
                  <a:cs typeface="WeblySleek UI Light" panose="020B0502040204020203" pitchFamily="34" charset="0"/>
                </a:defRPr>
              </a:lvl1pPr>
              <a:lvl2pPr marL="742950" indent="-28575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»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l"/>
              <a:r>
                <a:rPr lang="ko-KR" altLang="en-US" sz="1200" dirty="0" err="1" smtClean="0">
                  <a:solidFill>
                    <a:srgbClr val="FF0000"/>
                  </a:solidFill>
                </a:rPr>
                <a:t>아두이노</a:t>
              </a:r>
              <a:r>
                <a:rPr lang="ko-KR" altLang="en-US" sz="1200" dirty="0" smtClean="0">
                  <a:solidFill>
                    <a:srgbClr val="FF0000"/>
                  </a:solidFill>
                </a:rPr>
                <a:t> 결합 형태</a:t>
              </a:r>
              <a:endParaRPr lang="ko-KR" altLang="en-US" sz="1200" dirty="0">
                <a:solidFill>
                  <a:srgbClr val="FF0000"/>
                </a:solidFill>
              </a:endParaRPr>
            </a:p>
          </p:txBody>
        </p:sp>
        <p:sp>
          <p:nvSpPr>
            <p:cNvPr id="16" name="텍스트 개체 틀 1"/>
            <p:cNvSpPr txBox="1">
              <a:spLocks/>
            </p:cNvSpPr>
            <p:nvPr/>
          </p:nvSpPr>
          <p:spPr>
            <a:xfrm>
              <a:off x="2267744" y="1851670"/>
              <a:ext cx="1919423" cy="437942"/>
            </a:xfrm>
            <a:prstGeom prst="rect">
              <a:avLst/>
            </a:prstGeom>
          </p:spPr>
          <p:txBody>
            <a:bodyPr/>
            <a:lstStyle>
              <a:lvl1pPr marL="0" indent="0" algn="r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None/>
                <a:defRPr sz="1600" b="0" kern="1200" spc="0" baseline="0">
                  <a:solidFill>
                    <a:schemeClr val="bg1">
                      <a:lumMod val="50000"/>
                    </a:schemeClr>
                  </a:solidFill>
                  <a:latin typeface="+mj-lt"/>
                  <a:ea typeface="+mn-ea"/>
                  <a:cs typeface="WeblySleek UI Light" panose="020B0502040204020203" pitchFamily="34" charset="0"/>
                </a:defRPr>
              </a:lvl1pPr>
              <a:lvl2pPr marL="742950" indent="-28575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»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l"/>
              <a:r>
                <a:rPr lang="en-US" altLang="ko-KR" sz="1200" dirty="0" smtClean="0">
                  <a:solidFill>
                    <a:srgbClr val="FF0000"/>
                  </a:solidFill>
                </a:rPr>
                <a:t>Display </a:t>
              </a:r>
              <a:r>
                <a:rPr lang="ko-KR" altLang="en-US" sz="1200" dirty="0" smtClean="0">
                  <a:solidFill>
                    <a:srgbClr val="FF0000"/>
                  </a:solidFill>
                </a:rPr>
                <a:t>부</a:t>
              </a:r>
              <a:endParaRPr lang="ko-KR" altLang="en-US" sz="1200" dirty="0">
                <a:solidFill>
                  <a:srgbClr val="FF0000"/>
                </a:solidFill>
              </a:endParaRPr>
            </a:p>
          </p:txBody>
        </p:sp>
        <p:sp>
          <p:nvSpPr>
            <p:cNvPr id="17" name="텍스트 개체 틀 1"/>
            <p:cNvSpPr txBox="1">
              <a:spLocks/>
            </p:cNvSpPr>
            <p:nvPr/>
          </p:nvSpPr>
          <p:spPr>
            <a:xfrm>
              <a:off x="2292691" y="3322668"/>
              <a:ext cx="1894477" cy="297324"/>
            </a:xfrm>
            <a:prstGeom prst="rect">
              <a:avLst/>
            </a:prstGeom>
          </p:spPr>
          <p:txBody>
            <a:bodyPr/>
            <a:lstStyle>
              <a:lvl1pPr marL="0" indent="0" algn="r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None/>
                <a:defRPr sz="1600" b="0" kern="1200" spc="0" baseline="0">
                  <a:solidFill>
                    <a:schemeClr val="bg1">
                      <a:lumMod val="50000"/>
                    </a:schemeClr>
                  </a:solidFill>
                  <a:latin typeface="+mj-lt"/>
                  <a:ea typeface="+mn-ea"/>
                  <a:cs typeface="WeblySleek UI Light" panose="020B0502040204020203" pitchFamily="34" charset="0"/>
                </a:defRPr>
              </a:lvl1pPr>
              <a:lvl2pPr marL="742950" indent="-28575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»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l"/>
              <a:r>
                <a:rPr lang="ko-KR" altLang="en-US" sz="1200" dirty="0" smtClean="0">
                  <a:solidFill>
                    <a:srgbClr val="FF0000"/>
                  </a:solidFill>
                </a:rPr>
                <a:t>방향 스틱 및 </a:t>
              </a:r>
              <a:r>
                <a:rPr lang="ko-KR" altLang="en-US" sz="1200" dirty="0" err="1" smtClean="0">
                  <a:solidFill>
                    <a:srgbClr val="FF0000"/>
                  </a:solidFill>
                </a:rPr>
                <a:t>가변저항</a:t>
              </a:r>
              <a:endParaRPr lang="ko-KR" altLang="en-US" sz="1200" dirty="0">
                <a:solidFill>
                  <a:srgbClr val="FF0000"/>
                </a:solidFill>
              </a:endParaRPr>
            </a:p>
          </p:txBody>
        </p:sp>
        <p:sp>
          <p:nvSpPr>
            <p:cNvPr id="18" name="텍스트 개체 틀 1"/>
            <p:cNvSpPr txBox="1">
              <a:spLocks/>
            </p:cNvSpPr>
            <p:nvPr/>
          </p:nvSpPr>
          <p:spPr>
            <a:xfrm>
              <a:off x="6252978" y="1965531"/>
              <a:ext cx="1919423" cy="437942"/>
            </a:xfrm>
            <a:prstGeom prst="rect">
              <a:avLst/>
            </a:prstGeom>
          </p:spPr>
          <p:txBody>
            <a:bodyPr/>
            <a:lstStyle>
              <a:lvl1pPr marL="0" indent="0" algn="r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None/>
                <a:defRPr sz="1600" b="0" kern="1200" spc="0" baseline="0">
                  <a:solidFill>
                    <a:schemeClr val="bg1">
                      <a:lumMod val="50000"/>
                    </a:schemeClr>
                  </a:solidFill>
                  <a:latin typeface="+mj-lt"/>
                  <a:ea typeface="+mn-ea"/>
                  <a:cs typeface="WeblySleek UI Light" panose="020B0502040204020203" pitchFamily="34" charset="0"/>
                </a:defRPr>
              </a:lvl1pPr>
              <a:lvl2pPr marL="742950" indent="-28575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»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l"/>
              <a:r>
                <a:rPr lang="en-US" altLang="ko-KR" sz="1200" dirty="0" smtClean="0">
                  <a:solidFill>
                    <a:srgbClr val="FF0000"/>
                  </a:solidFill>
                </a:rPr>
                <a:t>3 Digital 5 Analog I/O</a:t>
              </a:r>
              <a:endParaRPr lang="ko-KR" altLang="en-US" sz="1200" dirty="0">
                <a:solidFill>
                  <a:srgbClr val="FF0000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337665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텍스트 개체 틀 4"/>
          <p:cNvSpPr>
            <a:spLocks noGrp="1"/>
          </p:cNvSpPr>
          <p:nvPr>
            <p:ph type="body" sz="quarter" idx="31"/>
          </p:nvPr>
        </p:nvSpPr>
        <p:spPr>
          <a:xfrm>
            <a:off x="4202761" y="483518"/>
            <a:ext cx="4329679" cy="2736304"/>
          </a:xfrm>
        </p:spPr>
        <p:txBody>
          <a:bodyPr/>
          <a:lstStyle/>
          <a:p>
            <a:r>
              <a:rPr lang="ko-KR" altLang="en-US" dirty="0"/>
              <a:t/>
            </a:r>
            <a:br>
              <a:rPr lang="ko-KR" altLang="en-US" dirty="0"/>
            </a:br>
            <a:r>
              <a:rPr lang="ko-KR" altLang="en-US" dirty="0" err="1" smtClean="0"/>
              <a:t>아두이노에</a:t>
            </a:r>
            <a:r>
              <a:rPr lang="ko-KR" altLang="en-US" dirty="0" smtClean="0"/>
              <a:t> 결합하여 사용</a:t>
            </a:r>
            <a:endParaRPr lang="ko-KR" altLang="en-US" dirty="0"/>
          </a:p>
        </p:txBody>
      </p:sp>
      <p:pic>
        <p:nvPicPr>
          <p:cNvPr id="2" name="그림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7504" y="123478"/>
            <a:ext cx="3831100" cy="2174181"/>
          </a:xfrm>
          <a:prstGeom prst="rect">
            <a:avLst/>
          </a:prstGeom>
        </p:spPr>
      </p:pic>
      <p:pic>
        <p:nvPicPr>
          <p:cNvPr id="3" name="그림 2"/>
          <p:cNvPicPr>
            <a:picLocks noChangeAspect="1"/>
          </p:cNvPicPr>
          <p:nvPr/>
        </p:nvPicPr>
        <p:blipFill rotWithShape="1">
          <a:blip r:embed="rId3"/>
          <a:srcRect b="10344"/>
          <a:stretch/>
        </p:blipFill>
        <p:spPr>
          <a:xfrm rot="-5400000">
            <a:off x="917954" y="1637560"/>
            <a:ext cx="2647848" cy="4228196"/>
          </a:xfrm>
          <a:prstGeom prst="rect">
            <a:avLst/>
          </a:prstGeom>
        </p:spPr>
      </p:pic>
      <p:sp>
        <p:nvSpPr>
          <p:cNvPr id="7" name="텍스트 개체 틀 4"/>
          <p:cNvSpPr txBox="1">
            <a:spLocks/>
          </p:cNvSpPr>
          <p:nvPr/>
        </p:nvSpPr>
        <p:spPr>
          <a:xfrm>
            <a:off x="4585740" y="2211710"/>
            <a:ext cx="4329679" cy="2736304"/>
          </a:xfrm>
          <a:prstGeom prst="rect">
            <a:avLst/>
          </a:prstGeom>
        </p:spPr>
        <p:txBody>
          <a:bodyPr lIns="182880" tIns="91440" anchor="ctr"/>
          <a:lstStyle>
            <a:lvl1pPr marL="0" indent="0" algn="l" defTabSz="914400" rtl="0" eaLnBrk="1" latinLnBrk="0" hangingPunct="1">
              <a:spcBef>
                <a:spcPts val="0"/>
              </a:spcBef>
              <a:buFont typeface="Arial" panose="020B0604020202020204" pitchFamily="34" charset="0"/>
              <a:buNone/>
              <a:defRPr sz="11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1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05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ko-KR" altLang="en-US" dirty="0" smtClean="0"/>
              <a:t/>
            </a:r>
            <a:br>
              <a:rPr lang="ko-KR" altLang="en-US" dirty="0" smtClean="0"/>
            </a:br>
            <a:r>
              <a:rPr lang="ko-KR" altLang="en-US" dirty="0" smtClean="0"/>
              <a:t>작동 화면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41952073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텍스트 개체 틀 2"/>
          <p:cNvSpPr>
            <a:spLocks noGrp="1"/>
          </p:cNvSpPr>
          <p:nvPr>
            <p:ph type="body" sz="quarter" idx="32"/>
          </p:nvPr>
        </p:nvSpPr>
        <p:spPr/>
        <p:txBody>
          <a:bodyPr/>
          <a:lstStyle/>
          <a:p>
            <a:r>
              <a:rPr lang="ko-KR" altLang="en-US" dirty="0" smtClean="0"/>
              <a:t>코드</a:t>
            </a:r>
            <a:r>
              <a:rPr lang="en-US" altLang="ko-KR" sz="1800" dirty="0" smtClean="0"/>
              <a:t>(Back-light Control </a:t>
            </a:r>
            <a:r>
              <a:rPr lang="ko-KR" altLang="en-US" sz="1800" dirty="0" err="1" smtClean="0"/>
              <a:t>수정본</a:t>
            </a:r>
            <a:r>
              <a:rPr lang="en-US" altLang="ko-KR" sz="1800" dirty="0" smtClean="0"/>
              <a:t>)</a:t>
            </a:r>
            <a:endParaRPr lang="ko-KR" altLang="en-US" sz="1800" dirty="0"/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1384498"/>
            <a:ext cx="2732272" cy="3672408"/>
          </a:xfrm>
          <a:prstGeom prst="rect">
            <a:avLst/>
          </a:prstGeom>
        </p:spPr>
      </p:pic>
      <p:pic>
        <p:nvPicPr>
          <p:cNvPr id="6" name="그림 5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411"/>
          <a:stretch/>
        </p:blipFill>
        <p:spPr>
          <a:xfrm>
            <a:off x="3131840" y="1384498"/>
            <a:ext cx="5238750" cy="32895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93555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텍스트 개체 틀 1"/>
          <p:cNvSpPr>
            <a:spLocks noGrp="1"/>
          </p:cNvSpPr>
          <p:nvPr>
            <p:ph type="body" sz="quarter" idx="40"/>
          </p:nvPr>
        </p:nvSpPr>
        <p:spPr>
          <a:xfrm>
            <a:off x="2915816" y="1498180"/>
            <a:ext cx="3899323" cy="917503"/>
          </a:xfrm>
        </p:spPr>
        <p:txBody>
          <a:bodyPr/>
          <a:lstStyle/>
          <a:p>
            <a:pPr algn="just"/>
            <a:r>
              <a:rPr lang="en-US" altLang="ko-KR" sz="1200" dirty="0" smtClean="0"/>
              <a:t>3</a:t>
            </a:r>
            <a:r>
              <a:rPr lang="ko-KR" altLang="en-US" sz="1200" dirty="0" smtClean="0"/>
              <a:t>번 핀을 </a:t>
            </a:r>
            <a:r>
              <a:rPr lang="en-US" altLang="ko-KR" sz="1200" dirty="0" smtClean="0"/>
              <a:t>PWM </a:t>
            </a:r>
            <a:r>
              <a:rPr lang="ko-KR" altLang="en-US" sz="1200" dirty="0" smtClean="0"/>
              <a:t>출력 핀으로 지정하여 </a:t>
            </a:r>
            <a:r>
              <a:rPr lang="en-US" altLang="ko-KR" sz="1200" dirty="0" smtClean="0"/>
              <a:t>0~255 , </a:t>
            </a:r>
          </a:p>
          <a:p>
            <a:pPr algn="just"/>
            <a:r>
              <a:rPr lang="en-US" altLang="ko-KR" sz="1200" dirty="0" smtClean="0"/>
              <a:t>255~0 </a:t>
            </a:r>
            <a:r>
              <a:rPr lang="ko-KR" altLang="en-US" sz="1200" dirty="0" smtClean="0"/>
              <a:t>까지</a:t>
            </a:r>
            <a:r>
              <a:rPr lang="en-US" altLang="ko-KR" sz="1200" dirty="0" smtClean="0"/>
              <a:t>, </a:t>
            </a:r>
            <a:r>
              <a:rPr lang="en-US" altLang="ko-KR" sz="1200" dirty="0"/>
              <a:t>256</a:t>
            </a:r>
            <a:r>
              <a:rPr lang="ko-KR" altLang="en-US" sz="1200" dirty="0"/>
              <a:t>가지의 </a:t>
            </a:r>
            <a:r>
              <a:rPr lang="ko-KR" altLang="en-US" sz="1200" dirty="0" smtClean="0"/>
              <a:t>신호를 </a:t>
            </a:r>
            <a:r>
              <a:rPr lang="en-US" altLang="ko-KR" sz="1200" dirty="0" smtClean="0"/>
              <a:t>0~5V</a:t>
            </a:r>
            <a:r>
              <a:rPr lang="ko-KR" altLang="en-US" sz="1200" dirty="0" smtClean="0"/>
              <a:t> </a:t>
            </a:r>
            <a:endParaRPr lang="en-US" altLang="ko-KR" sz="1200" dirty="0" smtClean="0"/>
          </a:p>
          <a:p>
            <a:pPr algn="just"/>
            <a:r>
              <a:rPr lang="ko-KR" altLang="en-US" sz="1200" dirty="0" smtClean="0"/>
              <a:t>전압조절을 시행하면 </a:t>
            </a:r>
            <a:r>
              <a:rPr lang="en-US" altLang="ko-KR" sz="1200" dirty="0" smtClean="0"/>
              <a:t>Backlight</a:t>
            </a:r>
            <a:r>
              <a:rPr lang="ko-KR" altLang="en-US" sz="1200" dirty="0" smtClean="0"/>
              <a:t>의 조도가 변화한다</a:t>
            </a:r>
            <a:r>
              <a:rPr lang="en-US" altLang="ko-KR" sz="1200" dirty="0" smtClean="0"/>
              <a:t>.</a:t>
            </a:r>
          </a:p>
          <a:p>
            <a:pPr algn="just"/>
            <a:endParaRPr lang="en-US" altLang="ko-KR" sz="1200" dirty="0"/>
          </a:p>
          <a:p>
            <a:pPr algn="just"/>
            <a:r>
              <a:rPr lang="ko-KR" altLang="en-US" sz="1200" dirty="0" smtClean="0"/>
              <a:t>고로 기존에 비어있던 </a:t>
            </a:r>
            <a:r>
              <a:rPr lang="en-US" altLang="ko-KR" sz="1200" dirty="0" smtClean="0"/>
              <a:t>loop </a:t>
            </a:r>
            <a:r>
              <a:rPr lang="ko-KR" altLang="en-US" sz="1200" dirty="0" smtClean="0"/>
              <a:t>구간에 왼쪽과 같은</a:t>
            </a:r>
            <a:endParaRPr lang="en-US" altLang="ko-KR" sz="1200" dirty="0" smtClean="0"/>
          </a:p>
          <a:p>
            <a:pPr algn="just"/>
            <a:r>
              <a:rPr lang="ko-KR" altLang="en-US" sz="1200" dirty="0" smtClean="0"/>
              <a:t>문장을 삽입하여 </a:t>
            </a:r>
            <a:r>
              <a:rPr lang="en-US" altLang="ko-KR" sz="1200" dirty="0" smtClean="0"/>
              <a:t>Backlight control</a:t>
            </a:r>
            <a:r>
              <a:rPr lang="ko-KR" altLang="en-US" sz="1200" dirty="0" smtClean="0"/>
              <a:t>을 시행하였다</a:t>
            </a:r>
            <a:r>
              <a:rPr lang="en-US" altLang="ko-KR" sz="1200" dirty="0" smtClean="0"/>
              <a:t>.</a:t>
            </a:r>
            <a:endParaRPr lang="ko-KR" altLang="en-US" sz="1200" dirty="0"/>
          </a:p>
        </p:txBody>
      </p:sp>
      <p:sp>
        <p:nvSpPr>
          <p:cNvPr id="3" name="텍스트 개체 틀 2"/>
          <p:cNvSpPr>
            <a:spLocks noGrp="1"/>
          </p:cNvSpPr>
          <p:nvPr>
            <p:ph type="body" sz="quarter" idx="32"/>
          </p:nvPr>
        </p:nvSpPr>
        <p:spPr/>
        <p:txBody>
          <a:bodyPr/>
          <a:lstStyle/>
          <a:p>
            <a:r>
              <a:rPr lang="ko-KR" altLang="en-US" dirty="0" smtClean="0"/>
              <a:t>피드백수정내용</a:t>
            </a:r>
            <a:endParaRPr lang="en-US" altLang="ko-KR" dirty="0" smtClean="0"/>
          </a:p>
          <a:p>
            <a:r>
              <a:rPr lang="en-US" altLang="ko-KR" dirty="0" smtClean="0"/>
              <a:t>(</a:t>
            </a:r>
            <a:r>
              <a:rPr lang="en-US" altLang="ko-KR" dirty="0" err="1" smtClean="0"/>
              <a:t>BackLight</a:t>
            </a:r>
            <a:r>
              <a:rPr lang="en-US" altLang="ko-KR" dirty="0" smtClean="0"/>
              <a:t>)</a:t>
            </a:r>
            <a:endParaRPr lang="ko-KR" altLang="en-US" sz="2000" dirty="0"/>
          </a:p>
        </p:txBody>
      </p:sp>
      <p:pic>
        <p:nvPicPr>
          <p:cNvPr id="7" name="그림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9584" y="1485827"/>
            <a:ext cx="2506781" cy="2506781"/>
          </a:xfrm>
          <a:prstGeom prst="rect">
            <a:avLst/>
          </a:prstGeom>
        </p:spPr>
      </p:pic>
      <p:pic>
        <p:nvPicPr>
          <p:cNvPr id="1026" name="Picture 2" descr="https://postfiles.pstatic.net/20160630_179/roboholic84_1467265422242CDEv5_PNG/ax.png?type=w1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88224" y="1979693"/>
            <a:ext cx="2372948" cy="20129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텍스트 개체 틀 1"/>
          <p:cNvSpPr txBox="1">
            <a:spLocks/>
          </p:cNvSpPr>
          <p:nvPr/>
        </p:nvSpPr>
        <p:spPr>
          <a:xfrm>
            <a:off x="2889670" y="2055644"/>
            <a:ext cx="3899323" cy="360040"/>
          </a:xfrm>
          <a:prstGeom prst="rect">
            <a:avLst/>
          </a:prstGeom>
        </p:spPr>
        <p:txBody>
          <a:bodyPr/>
          <a:lstStyle>
            <a:lvl1pPr marL="0" indent="0" algn="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600" b="0" kern="1200" spc="0" baseline="0">
                <a:solidFill>
                  <a:schemeClr val="bg1">
                    <a:lumMod val="50000"/>
                  </a:schemeClr>
                </a:solidFill>
                <a:latin typeface="+mj-lt"/>
                <a:ea typeface="+mn-ea"/>
                <a:cs typeface="WeblySleek UI Light" panose="020B0502040204020203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ko-KR" altLang="en-US" sz="1200" dirty="0"/>
          </a:p>
        </p:txBody>
      </p:sp>
      <p:sp>
        <p:nvSpPr>
          <p:cNvPr id="9" name="텍스트 개체 틀 1"/>
          <p:cNvSpPr txBox="1">
            <a:spLocks/>
          </p:cNvSpPr>
          <p:nvPr/>
        </p:nvSpPr>
        <p:spPr>
          <a:xfrm>
            <a:off x="6444208" y="4068559"/>
            <a:ext cx="3899323" cy="917503"/>
          </a:xfrm>
          <a:prstGeom prst="rect">
            <a:avLst/>
          </a:prstGeom>
        </p:spPr>
        <p:txBody>
          <a:bodyPr/>
          <a:lstStyle>
            <a:lvl1pPr marL="0" indent="0" algn="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600" b="0" kern="1200" spc="0" baseline="0">
                <a:solidFill>
                  <a:schemeClr val="bg1">
                    <a:lumMod val="50000"/>
                  </a:schemeClr>
                </a:solidFill>
                <a:latin typeface="+mj-lt"/>
                <a:ea typeface="+mn-ea"/>
                <a:cs typeface="WeblySleek UI Light" panose="020B0502040204020203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en-US" altLang="ko-KR" sz="1200" dirty="0" err="1" smtClean="0"/>
              <a:t>analogWrite</a:t>
            </a:r>
            <a:r>
              <a:rPr lang="en-US" altLang="ko-KR" sz="1200" dirty="0" smtClean="0"/>
              <a:t>(n) </a:t>
            </a:r>
            <a:r>
              <a:rPr lang="ko-KR" altLang="en-US" sz="1200" dirty="0" smtClean="0"/>
              <a:t>값에 따른 </a:t>
            </a:r>
            <a:r>
              <a:rPr lang="en-US" altLang="ko-KR" sz="1200" dirty="0" smtClean="0"/>
              <a:t>Pulse</a:t>
            </a:r>
            <a:r>
              <a:rPr lang="ko-KR" altLang="en-US" sz="1200" dirty="0" smtClean="0"/>
              <a:t> 변화</a:t>
            </a:r>
            <a:endParaRPr lang="ko-KR" altLang="en-US" sz="1200" dirty="0"/>
          </a:p>
        </p:txBody>
      </p:sp>
    </p:spTree>
    <p:extLst>
      <p:ext uri="{BB962C8B-B14F-4D97-AF65-F5344CB8AC3E}">
        <p14:creationId xmlns:p14="http://schemas.microsoft.com/office/powerpoint/2010/main" val="27647945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텍스트 개체 틀 1"/>
          <p:cNvSpPr>
            <a:spLocks noGrp="1"/>
          </p:cNvSpPr>
          <p:nvPr>
            <p:ph type="body" sz="quarter" idx="40"/>
          </p:nvPr>
        </p:nvSpPr>
        <p:spPr>
          <a:xfrm>
            <a:off x="1378427" y="2715766"/>
            <a:ext cx="3899323" cy="917503"/>
          </a:xfrm>
        </p:spPr>
        <p:txBody>
          <a:bodyPr/>
          <a:lstStyle/>
          <a:p>
            <a:pPr algn="just"/>
            <a:r>
              <a:rPr lang="ko-KR" altLang="en-US" sz="1200" dirty="0" err="1" smtClean="0"/>
              <a:t>아두이노</a:t>
            </a:r>
            <a:r>
              <a:rPr lang="ko-KR" altLang="en-US" sz="1200" dirty="0" smtClean="0"/>
              <a:t> </a:t>
            </a:r>
            <a:r>
              <a:rPr lang="ko-KR" altLang="en-US" sz="1200" dirty="0" err="1" smtClean="0"/>
              <a:t>쉴드에</a:t>
            </a:r>
            <a:r>
              <a:rPr lang="ko-KR" altLang="en-US" sz="1200" dirty="0" smtClean="0"/>
              <a:t>  </a:t>
            </a:r>
            <a:r>
              <a:rPr lang="en-US" altLang="ko-KR" sz="1200" dirty="0" smtClean="0"/>
              <a:t>LCD+ </a:t>
            </a:r>
            <a:r>
              <a:rPr lang="ko-KR" altLang="en-US" sz="1200" dirty="0" smtClean="0"/>
              <a:t>부분을 이용해 가변저항을 돌려주면 </a:t>
            </a:r>
            <a:r>
              <a:rPr lang="ko-KR" altLang="en-US" sz="1200" dirty="0" err="1" smtClean="0"/>
              <a:t>백라이트의</a:t>
            </a:r>
            <a:r>
              <a:rPr lang="ko-KR" altLang="en-US" sz="1200" dirty="0" smtClean="0"/>
              <a:t> 조도 부분을 조절할 수 있다</a:t>
            </a:r>
            <a:r>
              <a:rPr lang="en-US" altLang="ko-KR" sz="1200" dirty="0" smtClean="0"/>
              <a:t>.</a:t>
            </a:r>
            <a:endParaRPr lang="ko-KR" altLang="en-US" sz="1200" dirty="0"/>
          </a:p>
        </p:txBody>
      </p:sp>
      <p:sp>
        <p:nvSpPr>
          <p:cNvPr id="3" name="텍스트 개체 틀 2"/>
          <p:cNvSpPr>
            <a:spLocks noGrp="1"/>
          </p:cNvSpPr>
          <p:nvPr>
            <p:ph type="body" sz="quarter" idx="32"/>
          </p:nvPr>
        </p:nvSpPr>
        <p:spPr/>
        <p:txBody>
          <a:bodyPr/>
          <a:lstStyle/>
          <a:p>
            <a:r>
              <a:rPr lang="ko-KR" altLang="en-US" dirty="0" smtClean="0"/>
              <a:t>피드백수정내용</a:t>
            </a:r>
            <a:endParaRPr lang="en-US" altLang="ko-KR" dirty="0" smtClean="0"/>
          </a:p>
          <a:p>
            <a:r>
              <a:rPr lang="en-US" altLang="ko-KR" dirty="0" smtClean="0"/>
              <a:t>(</a:t>
            </a:r>
            <a:r>
              <a:rPr lang="en-US" altLang="ko-KR" dirty="0" err="1" smtClean="0"/>
              <a:t>BackLight</a:t>
            </a:r>
            <a:r>
              <a:rPr lang="en-US" altLang="ko-KR" dirty="0" smtClean="0"/>
              <a:t>)</a:t>
            </a:r>
            <a:endParaRPr lang="ko-KR" altLang="en-US" sz="2000" dirty="0"/>
          </a:p>
        </p:txBody>
      </p:sp>
      <p:sp>
        <p:nvSpPr>
          <p:cNvPr id="8" name="텍스트 개체 틀 1"/>
          <p:cNvSpPr txBox="1">
            <a:spLocks/>
          </p:cNvSpPr>
          <p:nvPr/>
        </p:nvSpPr>
        <p:spPr>
          <a:xfrm>
            <a:off x="2889670" y="2055644"/>
            <a:ext cx="3899323" cy="360040"/>
          </a:xfrm>
          <a:prstGeom prst="rect">
            <a:avLst/>
          </a:prstGeom>
        </p:spPr>
        <p:txBody>
          <a:bodyPr/>
          <a:lstStyle>
            <a:lvl1pPr marL="0" indent="0" algn="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600" b="0" kern="1200" spc="0" baseline="0">
                <a:solidFill>
                  <a:schemeClr val="bg1">
                    <a:lumMod val="50000"/>
                  </a:schemeClr>
                </a:solidFill>
                <a:latin typeface="+mj-lt"/>
                <a:ea typeface="+mn-ea"/>
                <a:cs typeface="WeblySleek UI Light" panose="020B0502040204020203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ko-KR" altLang="en-US" sz="1200" dirty="0"/>
          </a:p>
        </p:txBody>
      </p:sp>
      <p:sp>
        <p:nvSpPr>
          <p:cNvPr id="10" name="텍스트 개체 틀 1"/>
          <p:cNvSpPr txBox="1">
            <a:spLocks/>
          </p:cNvSpPr>
          <p:nvPr/>
        </p:nvSpPr>
        <p:spPr>
          <a:xfrm>
            <a:off x="1403648" y="1673340"/>
            <a:ext cx="3899323" cy="917503"/>
          </a:xfrm>
          <a:prstGeom prst="rect">
            <a:avLst/>
          </a:prstGeom>
        </p:spPr>
        <p:txBody>
          <a:bodyPr/>
          <a:lstStyle>
            <a:lvl1pPr marL="0" indent="0" algn="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600" b="0" kern="1200" spc="0" baseline="0">
                <a:solidFill>
                  <a:schemeClr val="bg1">
                    <a:lumMod val="50000"/>
                  </a:schemeClr>
                </a:solidFill>
                <a:latin typeface="+mj-lt"/>
                <a:ea typeface="+mn-ea"/>
                <a:cs typeface="WeblySleek UI Light" panose="020B0502040204020203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ko-KR" altLang="en-US" sz="1200" dirty="0" smtClean="0"/>
              <a:t>코드 내에서</a:t>
            </a:r>
            <a:r>
              <a:rPr lang="en-US" altLang="ko-KR" sz="1200" dirty="0" smtClean="0"/>
              <a:t>(</a:t>
            </a:r>
            <a:r>
              <a:rPr lang="ko-KR" altLang="en-US" sz="1200" dirty="0" smtClean="0"/>
              <a:t>소프트웨어 상</a:t>
            </a:r>
            <a:r>
              <a:rPr lang="en-US" altLang="ko-KR" sz="1200" dirty="0" smtClean="0"/>
              <a:t>) </a:t>
            </a:r>
            <a:r>
              <a:rPr lang="ko-KR" altLang="en-US" sz="1200" dirty="0" smtClean="0"/>
              <a:t>도 위와 같이 가능하지만 </a:t>
            </a:r>
            <a:endParaRPr lang="en-US" altLang="ko-KR" sz="1200" dirty="0" smtClean="0"/>
          </a:p>
          <a:p>
            <a:pPr algn="just"/>
            <a:r>
              <a:rPr lang="ko-KR" altLang="en-US" sz="1200" dirty="0" smtClean="0"/>
              <a:t>하드웨어 적 설계 과정에서도  가변저항을 이용하여 </a:t>
            </a:r>
            <a:r>
              <a:rPr lang="ko-KR" altLang="en-US" sz="1200" dirty="0" err="1" smtClean="0"/>
              <a:t>백라이트</a:t>
            </a:r>
            <a:r>
              <a:rPr lang="ko-KR" altLang="en-US" sz="1200" dirty="0" smtClean="0"/>
              <a:t> 및 글자 조도를 조정할 수 있다</a:t>
            </a:r>
            <a:r>
              <a:rPr lang="en-US" altLang="ko-KR" sz="1200" dirty="0" smtClean="0"/>
              <a:t>.</a:t>
            </a:r>
            <a:endParaRPr lang="ko-KR" altLang="en-US" sz="1200" dirty="0"/>
          </a:p>
        </p:txBody>
      </p:sp>
    </p:spTree>
    <p:extLst>
      <p:ext uri="{BB962C8B-B14F-4D97-AF65-F5344CB8AC3E}">
        <p14:creationId xmlns:p14="http://schemas.microsoft.com/office/powerpoint/2010/main" val="9027501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텍스트 개체 틀 1"/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ko-KR" altLang="en-US" dirty="0" smtClean="0"/>
              <a:t>감사합니다</a:t>
            </a:r>
            <a:endParaRPr lang="ko-KR" altLang="en-US" dirty="0"/>
          </a:p>
        </p:txBody>
      </p:sp>
      <p:sp>
        <p:nvSpPr>
          <p:cNvPr id="3" name="텍스트 개체 틀 2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2643229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lide Master 01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Header">
      <a:majorFont>
        <a:latin typeface="TeXGyreHeros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Slide Master 02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Header">
      <a:majorFont>
        <a:latin typeface="TeXGyreHeros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CFCFCF"/>
        </a:solidFill>
        <a:ln>
          <a:noFill/>
        </a:ln>
      </a:spPr>
      <a:bodyPr rtlCol="0" anchor="ctr"/>
      <a:lstStyle>
        <a:defPPr algn="ctr">
          <a:defRPr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rgbClr val="EB2429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06801</TotalTime>
  <Words>176</Words>
  <Application>Microsoft Office PowerPoint</Application>
  <PresentationFormat>화면 슬라이드 쇼(16:9)</PresentationFormat>
  <Paragraphs>44</Paragraphs>
  <Slides>9</Slides>
  <Notes>0</Notes>
  <HiddenSlides>0</HiddenSlides>
  <MMClips>0</MMClips>
  <ScaleCrop>false</ScaleCrop>
  <HeadingPairs>
    <vt:vector size="4" baseType="variant">
      <vt:variant>
        <vt:lpstr>테마</vt:lpstr>
      </vt:variant>
      <vt:variant>
        <vt:i4>2</vt:i4>
      </vt:variant>
      <vt:variant>
        <vt:lpstr>슬라이드 제목</vt:lpstr>
      </vt:variant>
      <vt:variant>
        <vt:i4>9</vt:i4>
      </vt:variant>
    </vt:vector>
  </HeadingPairs>
  <TitlesOfParts>
    <vt:vector size="11" baseType="lpstr">
      <vt:lpstr>Slide Master 01</vt:lpstr>
      <vt:lpstr>Slide Master 02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Company>Microsoft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Nomad</dc:creator>
  <cp:lastModifiedBy>Windows 사용자</cp:lastModifiedBy>
  <cp:revision>6936</cp:revision>
  <dcterms:created xsi:type="dcterms:W3CDTF">2013-11-01T04:45:58Z</dcterms:created>
  <dcterms:modified xsi:type="dcterms:W3CDTF">2018-12-17T11:46:53Z</dcterms:modified>
</cp:coreProperties>
</file>